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2815\Desktop\"/>
    </mc:Choice>
  </mc:AlternateContent>
  <bookViews>
    <workbookView xWindow="240" yWindow="60" windowWidth="20055" windowHeight="7950"/>
  </bookViews>
  <sheets>
    <sheet name="13" sheetId="1" r:id="rId1"/>
  </sheets>
  <calcPr calcId="152511"/>
</workbook>
</file>

<file path=xl/calcChain.xml><?xml version="1.0" encoding="utf-8"?>
<calcChain xmlns="http://schemas.openxmlformats.org/spreadsheetml/2006/main">
  <c r="G223" i="1" l="1"/>
  <c r="F223" i="1"/>
</calcChain>
</file>

<file path=xl/sharedStrings.xml><?xml version="1.0" encoding="utf-8"?>
<sst xmlns="http://schemas.openxmlformats.org/spreadsheetml/2006/main" count="5291" uniqueCount="2810">
  <si>
    <t>SHOPPERS STOP LIMITED</t>
  </si>
  <si>
    <t>Dpid</t>
  </si>
  <si>
    <t xml:space="preserve">Folio/Clid </t>
  </si>
  <si>
    <t>Name</t>
  </si>
  <si>
    <t>Warrant No</t>
  </si>
  <si>
    <t>Micr No</t>
  </si>
  <si>
    <t>Bank</t>
  </si>
  <si>
    <t>Address-1</t>
  </si>
  <si>
    <t>Address-2</t>
  </si>
  <si>
    <t>Address-3</t>
  </si>
  <si>
    <t>Address-4</t>
  </si>
  <si>
    <t>Pincode</t>
  </si>
  <si>
    <t>Bank Accno</t>
  </si>
  <si>
    <t>Bank Name</t>
  </si>
  <si>
    <t>Bank Add1</t>
  </si>
  <si>
    <t>Bank Add2</t>
  </si>
  <si>
    <t>Bank Add3</t>
  </si>
  <si>
    <t>Bank Add4</t>
  </si>
  <si>
    <t>Bank pin</t>
  </si>
  <si>
    <t>Ecs Code</t>
  </si>
  <si>
    <t>Ecs Type</t>
  </si>
  <si>
    <t>Ecs Seqno</t>
  </si>
  <si>
    <t>Rt Serial</t>
  </si>
  <si>
    <t>Phone</t>
  </si>
  <si>
    <t>Fax</t>
  </si>
  <si>
    <t>Mobile</t>
  </si>
  <si>
    <t>Email</t>
  </si>
  <si>
    <t>Pan No</t>
  </si>
  <si>
    <t>IN301330</t>
  </si>
  <si>
    <t xml:space="preserve">18046298  </t>
  </si>
  <si>
    <t xml:space="preserve">ABDUL REHMAN                                                               </t>
  </si>
  <si>
    <t xml:space="preserve">1300006             </t>
  </si>
  <si>
    <t>ICI</t>
  </si>
  <si>
    <t xml:space="preserve">1046 MOHALA KISHAN GANJ                           </t>
  </si>
  <si>
    <t xml:space="preserve">TELIWARA                                          </t>
  </si>
  <si>
    <t xml:space="preserve">AZAD MARKET                                       </t>
  </si>
  <si>
    <t xml:space="preserve">DELHI                                             </t>
  </si>
  <si>
    <t xml:space="preserve">13849                         </t>
  </si>
  <si>
    <t xml:space="preserve">STATE BANK OF INDIA                               </t>
  </si>
  <si>
    <t xml:space="preserve">BARTAN MARKET                                     </t>
  </si>
  <si>
    <t xml:space="preserve"> </t>
  </si>
  <si>
    <t xml:space="preserve">SADAR BAZAR                                       </t>
  </si>
  <si>
    <t xml:space="preserve">110002011           </t>
  </si>
  <si>
    <t xml:space="preserve">10                  </t>
  </si>
  <si>
    <t xml:space="preserve">                    </t>
  </si>
  <si>
    <t xml:space="preserve">          </t>
  </si>
  <si>
    <t xml:space="preserve">23556532                                </t>
  </si>
  <si>
    <t xml:space="preserve">                                        </t>
  </si>
  <si>
    <t xml:space="preserve">AGMPR1398A                    </t>
  </si>
  <si>
    <t>IN302566</t>
  </si>
  <si>
    <t xml:space="preserve">10089338  </t>
  </si>
  <si>
    <t xml:space="preserve">DINESH YADAV                                                               </t>
  </si>
  <si>
    <t xml:space="preserve">1300007             </t>
  </si>
  <si>
    <t xml:space="preserve">WZ-302                                            </t>
  </si>
  <si>
    <t xml:space="preserve">SHAKURPUR VILLAGE                                 </t>
  </si>
  <si>
    <t xml:space="preserve">104210027040146               </t>
  </si>
  <si>
    <t xml:space="preserve">ANDHRA BANK                                       </t>
  </si>
  <si>
    <t xml:space="preserve">PLOT NO-298                                       </t>
  </si>
  <si>
    <t xml:space="preserve">ROAD NO-44, RAJDHANI ENCLAVE                      </t>
  </si>
  <si>
    <t xml:space="preserve">PITAMPURA                                         </t>
  </si>
  <si>
    <t xml:space="preserve">NEW DELHI                                         </t>
  </si>
  <si>
    <t xml:space="preserve">d.k.unlimited08@gmail.com                                             </t>
  </si>
  <si>
    <t xml:space="preserve">AAWPY6207B                    </t>
  </si>
  <si>
    <t>IN302269</t>
  </si>
  <si>
    <t xml:space="preserve">12602666  </t>
  </si>
  <si>
    <t xml:space="preserve">ASLAM KHAN                                                                 </t>
  </si>
  <si>
    <t xml:space="preserve">1300008             </t>
  </si>
  <si>
    <t xml:space="preserve">D 400/4                                           </t>
  </si>
  <si>
    <t xml:space="preserve">JAITPUR EXTEN NEW DELHI                           </t>
  </si>
  <si>
    <t xml:space="preserve">INDIA                                             </t>
  </si>
  <si>
    <t xml:space="preserve">52410150084                   </t>
  </si>
  <si>
    <t xml:space="preserve">STANDARD CHARTERED BANK                           </t>
  </si>
  <si>
    <t xml:space="preserve">MALCHA MARG CHANAKYAPURI                          </t>
  </si>
  <si>
    <t xml:space="preserve">KHANASLAMCA@YAHOO.COM                                                 </t>
  </si>
  <si>
    <t xml:space="preserve">AIHPK1261C                    </t>
  </si>
  <si>
    <t>IN300476</t>
  </si>
  <si>
    <t xml:space="preserve">10303030  </t>
  </si>
  <si>
    <t xml:space="preserve">JASBIR SINGH                                                               </t>
  </si>
  <si>
    <t xml:space="preserve">1300009             </t>
  </si>
  <si>
    <t xml:space="preserve">54 HEMKUNT COLONY                                 </t>
  </si>
  <si>
    <t xml:space="preserve">00921000031723                </t>
  </si>
  <si>
    <t xml:space="preserve">HDFC Bank                                         </t>
  </si>
  <si>
    <t xml:space="preserve">HS-10 KAILASH COLONY                              </t>
  </si>
  <si>
    <t xml:space="preserve">110240010           </t>
  </si>
  <si>
    <t xml:space="preserve">6463354                                 </t>
  </si>
  <si>
    <t xml:space="preserve">91-371947                               </t>
  </si>
  <si>
    <t xml:space="preserve">jsingh54@hotmail.com                                                  </t>
  </si>
  <si>
    <t xml:space="preserve">AARPS4595D                    </t>
  </si>
  <si>
    <t>IN300888</t>
  </si>
  <si>
    <t xml:space="preserve">13545523  </t>
  </si>
  <si>
    <t xml:space="preserve">PREM KANTA AGGARWAL                                                        </t>
  </si>
  <si>
    <t xml:space="preserve">1300010             </t>
  </si>
  <si>
    <t xml:space="preserve">C 4/H  POCKET 9  FALT NO   15                     </t>
  </si>
  <si>
    <t xml:space="preserve">JANAK PURI                                        </t>
  </si>
  <si>
    <t xml:space="preserve">4968                          </t>
  </si>
  <si>
    <t xml:space="preserve">INDIAN BANK                                       </t>
  </si>
  <si>
    <t xml:space="preserve">C BLOCK COMMUNITY CENTRE                          </t>
  </si>
  <si>
    <t xml:space="preserve">5552549                                 </t>
  </si>
  <si>
    <t xml:space="preserve">AARPA4301M                    </t>
  </si>
  <si>
    <t xml:space="preserve">13555029  </t>
  </si>
  <si>
    <t xml:space="preserve">SANJAY AGGARWAL                                                            </t>
  </si>
  <si>
    <t xml:space="preserve">1300011             </t>
  </si>
  <si>
    <t xml:space="preserve">C 4H  POCKET 9 FLAT 15                            </t>
  </si>
  <si>
    <t xml:space="preserve">4035                          </t>
  </si>
  <si>
    <t xml:space="preserve">JANAKPURI                                         </t>
  </si>
  <si>
    <t xml:space="preserve">NEW DELHI 110058                                  </t>
  </si>
  <si>
    <t xml:space="preserve">AABPA9361P                    </t>
  </si>
  <si>
    <t xml:space="preserve">120299  </t>
  </si>
  <si>
    <t>0002990196</t>
  </si>
  <si>
    <t xml:space="preserve">SUNIL SACHDEVA                                                             </t>
  </si>
  <si>
    <t xml:space="preserve">1300012             </t>
  </si>
  <si>
    <t xml:space="preserve">G 278 KAILASH HILLS                               </t>
  </si>
  <si>
    <t xml:space="preserve">EAST OF KAILASH                                   </t>
  </si>
  <si>
    <t xml:space="preserve">NEW DELHI DELHI                                   </t>
  </si>
  <si>
    <t xml:space="preserve">558010091059                  </t>
  </si>
  <si>
    <t xml:space="preserve">ING VYSA BANK LTD                                 </t>
  </si>
  <si>
    <t xml:space="preserve">IVB                                               </t>
  </si>
  <si>
    <t xml:space="preserve">000IVB000           </t>
  </si>
  <si>
    <t>W002500560</t>
  </si>
  <si>
    <t xml:space="preserve">9212503689                              </t>
  </si>
  <si>
    <t xml:space="preserve">sssunilsachdeva@gmail.com                                             </t>
  </si>
  <si>
    <t xml:space="preserve">ANVPS7182F                    </t>
  </si>
  <si>
    <t xml:space="preserve">42696697  </t>
  </si>
  <si>
    <t xml:space="preserve">RAJEEV BEOTRA                                                              </t>
  </si>
  <si>
    <t xml:space="preserve">1300013             </t>
  </si>
  <si>
    <t xml:space="preserve">A 44/10                                           </t>
  </si>
  <si>
    <t xml:space="preserve">PHASE I DLF                                       </t>
  </si>
  <si>
    <t xml:space="preserve">QUTAB ENCLAVE                                     </t>
  </si>
  <si>
    <t xml:space="preserve">GURGAON                                           </t>
  </si>
  <si>
    <t xml:space="preserve">00441000006130                </t>
  </si>
  <si>
    <t xml:space="preserve">HDFC BANK LTD   DLF CHAKRAPUR                     </t>
  </si>
  <si>
    <t xml:space="preserve">A/12 THE SHOPPING MALL                            </t>
  </si>
  <si>
    <t xml:space="preserve">DLF QUTUB ENCLAVE                                 </t>
  </si>
  <si>
    <t xml:space="preserve">PHASE I GURGOAN                                   </t>
  </si>
  <si>
    <t xml:space="preserve">110240006           </t>
  </si>
  <si>
    <t xml:space="preserve">9818400680                              </t>
  </si>
  <si>
    <t xml:space="preserve">rajeevbeotra@gmail.com                                                </t>
  </si>
  <si>
    <t xml:space="preserve">AAIPB2808D                    </t>
  </si>
  <si>
    <t xml:space="preserve">120447  </t>
  </si>
  <si>
    <t>0005422709</t>
  </si>
  <si>
    <t xml:space="preserve">ANURADHA SHARMA                                                            </t>
  </si>
  <si>
    <t xml:space="preserve">1300014             </t>
  </si>
  <si>
    <t xml:space="preserve">H NO 41 PWD B AND R COLONY                        </t>
  </si>
  <si>
    <t xml:space="preserve">NEAR H B COLONY                                   </t>
  </si>
  <si>
    <t xml:space="preserve">SECTOR 15                                         </t>
  </si>
  <si>
    <t xml:space="preserve">HISAR HARYANA                                     </t>
  </si>
  <si>
    <t xml:space="preserve">1451000100050162              </t>
  </si>
  <si>
    <t xml:space="preserve">PUNJAB NATIONAL BANK                              </t>
  </si>
  <si>
    <t xml:space="preserve">PNB                                               </t>
  </si>
  <si>
    <t xml:space="preserve">000PNB000           </t>
  </si>
  <si>
    <t xml:space="preserve">9813313199                              </t>
  </si>
  <si>
    <t xml:space="preserve">ANURADHA.HISAR@GMAIL.COM                                              </t>
  </si>
  <si>
    <t xml:space="preserve">CNIPS5594J                    </t>
  </si>
  <si>
    <t xml:space="preserve">120164  </t>
  </si>
  <si>
    <t>0200020152</t>
  </si>
  <si>
    <t xml:space="preserve">MANOJ BHATT                                                                </t>
  </si>
  <si>
    <t xml:space="preserve">1300015             </t>
  </si>
  <si>
    <t xml:space="preserve">HOUSE NO: 1053 - A                                </t>
  </si>
  <si>
    <t xml:space="preserve">PARADE STREET                                     </t>
  </si>
  <si>
    <t xml:space="preserve">KALKA HARYANA                                     </t>
  </si>
  <si>
    <t xml:space="preserve">01881000011903                </t>
  </si>
  <si>
    <t xml:space="preserve">HDFC BANK LTD                                     </t>
  </si>
  <si>
    <t xml:space="preserve">OPP SOPHIA CONVENT SCHOOL                         </t>
  </si>
  <si>
    <t xml:space="preserve">NATIONAL HIGHWAY                                  </t>
  </si>
  <si>
    <t xml:space="preserve">KALKA                                             </t>
  </si>
  <si>
    <t xml:space="preserve">HARYANA                                           </t>
  </si>
  <si>
    <t xml:space="preserve">160240010           </t>
  </si>
  <si>
    <t xml:space="preserve">8439735973                              </t>
  </si>
  <si>
    <t xml:space="preserve">bhatt_m@rediffmail.com                                                </t>
  </si>
  <si>
    <t xml:space="preserve">AJDPB1397F                    </t>
  </si>
  <si>
    <t xml:space="preserve">120229  </t>
  </si>
  <si>
    <t>0000022259</t>
  </si>
  <si>
    <t xml:space="preserve">AMARJIT SINGH                                                              </t>
  </si>
  <si>
    <t xml:space="preserve">1300017             </t>
  </si>
  <si>
    <t xml:space="preserve">H NO 44                                           </t>
  </si>
  <si>
    <t xml:space="preserve">NEW MOTI BAGH COLONY                              </t>
  </si>
  <si>
    <t xml:space="preserve">PATIALA PUNJAB                                    </t>
  </si>
  <si>
    <t xml:space="preserve">0242305071                    </t>
  </si>
  <si>
    <t xml:space="preserve">9876711401                              </t>
  </si>
  <si>
    <t xml:space="preserve">ABVPS7518R                    </t>
  </si>
  <si>
    <t>IN301143</t>
  </si>
  <si>
    <t xml:space="preserve">10084900  </t>
  </si>
  <si>
    <t xml:space="preserve">SATISH KUMAR SETHI                                                         </t>
  </si>
  <si>
    <t xml:space="preserve">1300018             </t>
  </si>
  <si>
    <t xml:space="preserve">CINEMA ROAD                                       </t>
  </si>
  <si>
    <t xml:space="preserve">SHISHU BHARTI SCHOOL ROAD                         </t>
  </si>
  <si>
    <t xml:space="preserve">OPP GURMEET FRIZ WALA, SUNAM                      </t>
  </si>
  <si>
    <t xml:space="preserve">PUNJAB                                            </t>
  </si>
  <si>
    <t xml:space="preserve">0438000200142772              </t>
  </si>
  <si>
    <t xml:space="preserve">ANAJ MANDI                                        </t>
  </si>
  <si>
    <t xml:space="preserve">SUNAM                                             </t>
  </si>
  <si>
    <t xml:space="preserve">SANGRUR                                           </t>
  </si>
  <si>
    <t xml:space="preserve">20029 22663                             </t>
  </si>
  <si>
    <t xml:space="preserve">ABJPS7366M                    </t>
  </si>
  <si>
    <t>IN300966</t>
  </si>
  <si>
    <t xml:space="preserve">10709025  </t>
  </si>
  <si>
    <t xml:space="preserve">DINESH MATHUR                                                              </t>
  </si>
  <si>
    <t xml:space="preserve">1300020             </t>
  </si>
  <si>
    <t xml:space="preserve">D- 259                                            </t>
  </si>
  <si>
    <t xml:space="preserve">MULTANI PURA                                      </t>
  </si>
  <si>
    <t xml:space="preserve">MODI NAGAR                                        </t>
  </si>
  <si>
    <t xml:space="preserve">GHAZIABAD (UTTAR PRADFESH)                        </t>
  </si>
  <si>
    <t xml:space="preserve">20236387194                   </t>
  </si>
  <si>
    <t xml:space="preserve">ALLAHABAD BANK                                    </t>
  </si>
  <si>
    <t xml:space="preserve">MODINAGAR RAILWAY ROAD                            </t>
  </si>
  <si>
    <t xml:space="preserve">MODINAGAR                                         </t>
  </si>
  <si>
    <t xml:space="preserve">UTTAR PRADESH                                     </t>
  </si>
  <si>
    <t xml:space="preserve">201010002           </t>
  </si>
  <si>
    <t xml:space="preserve">dineshmathur57@gmail.com                                              </t>
  </si>
  <si>
    <t xml:space="preserve">ABQPM3532N                    </t>
  </si>
  <si>
    <t xml:space="preserve">120472  </t>
  </si>
  <si>
    <t>0010267651</t>
  </si>
  <si>
    <t xml:space="preserve">DINESH KUMAR SRIVASTAVA                                                    </t>
  </si>
  <si>
    <t xml:space="preserve">1300021             </t>
  </si>
  <si>
    <t xml:space="preserve">39/105/06 J L N ROAD                              </t>
  </si>
  <si>
    <t xml:space="preserve">GEORGE TOWN                                       </t>
  </si>
  <si>
    <t xml:space="preserve">ALLAHABAD CITY                                    </t>
  </si>
  <si>
    <t xml:space="preserve">ALLAHABAD UTTAR PRADESH                           </t>
  </si>
  <si>
    <t xml:space="preserve">11759854551                   </t>
  </si>
  <si>
    <t xml:space="preserve">SBI                                               </t>
  </si>
  <si>
    <t xml:space="preserve">000SBI000           </t>
  </si>
  <si>
    <t xml:space="preserve">jiashutosh@yahoo.co.in                                                </t>
  </si>
  <si>
    <t xml:space="preserve">AFLPS9800G                    </t>
  </si>
  <si>
    <t>IN301557</t>
  </si>
  <si>
    <t xml:space="preserve">21336903  </t>
  </si>
  <si>
    <t xml:space="preserve">SARLA GUPTA                                                                </t>
  </si>
  <si>
    <t xml:space="preserve">1300023             </t>
  </si>
  <si>
    <t xml:space="preserve">3-222                                             </t>
  </si>
  <si>
    <t xml:space="preserve">VIRAJ KHAND                                       </t>
  </si>
  <si>
    <t xml:space="preserve">GOMTI NAGAR                                       </t>
  </si>
  <si>
    <t xml:space="preserve">LUCKNOW                                           </t>
  </si>
  <si>
    <t xml:space="preserve">0100078578                    </t>
  </si>
  <si>
    <t xml:space="preserve">0522-2396439                            </t>
  </si>
  <si>
    <t xml:space="preserve">sarlapcgupta@gmail.com                                                </t>
  </si>
  <si>
    <t xml:space="preserve">AKAPG3641D                    </t>
  </si>
  <si>
    <t>IN301774</t>
  </si>
  <si>
    <t xml:space="preserve">10094001  </t>
  </si>
  <si>
    <t xml:space="preserve">Nidhi Agarwal                                                              </t>
  </si>
  <si>
    <t xml:space="preserve">1300024             </t>
  </si>
  <si>
    <t xml:space="preserve">8/U 35                                            </t>
  </si>
  <si>
    <t xml:space="preserve">Civil Lines Rampur Garden                         </t>
  </si>
  <si>
    <t xml:space="preserve">Bareilly                                          </t>
  </si>
  <si>
    <t xml:space="preserve">U P                                               </t>
  </si>
  <si>
    <t xml:space="preserve">06617                         </t>
  </si>
  <si>
    <t xml:space="preserve">State Bank Of Patiala                             </t>
  </si>
  <si>
    <t xml:space="preserve">Shyam Ganj                                        </t>
  </si>
  <si>
    <t xml:space="preserve">2474996                                 </t>
  </si>
  <si>
    <t xml:space="preserve">VIBHORA_OMA@YAHOO.COM                                                 </t>
  </si>
  <si>
    <t xml:space="preserve">AFLPA5696L                    </t>
  </si>
  <si>
    <t>IN301186</t>
  </si>
  <si>
    <t xml:space="preserve">20046308  </t>
  </si>
  <si>
    <t xml:space="preserve">VIBHOR AGARWAL                                                             </t>
  </si>
  <si>
    <t xml:space="preserve">1300025             </t>
  </si>
  <si>
    <t xml:space="preserve">8-U, 35, CIVIL LINES                              </t>
  </si>
  <si>
    <t xml:space="preserve">KOTHI RAM NIWAS                                   </t>
  </si>
  <si>
    <t xml:space="preserve">RAMPUR BAGH                                       </t>
  </si>
  <si>
    <t xml:space="preserve">BAREILLY                                          </t>
  </si>
  <si>
    <t xml:space="preserve">11475                         </t>
  </si>
  <si>
    <t xml:space="preserve">UNION BANK OF INDIA                               </t>
  </si>
  <si>
    <t xml:space="preserve">CIVIL LINES                                       </t>
  </si>
  <si>
    <t xml:space="preserve">2474996, 2452959                        </t>
  </si>
  <si>
    <t xml:space="preserve">AAPPA0276K                    </t>
  </si>
  <si>
    <t>IN300206</t>
  </si>
  <si>
    <t xml:space="preserve">10723303  </t>
  </si>
  <si>
    <t xml:space="preserve">VIVEK KUMAR                                                                </t>
  </si>
  <si>
    <t xml:space="preserve">1300026             </t>
  </si>
  <si>
    <t xml:space="preserve">PC - 1/IV, OCRI                                   </t>
  </si>
  <si>
    <t xml:space="preserve">RESIDENTIAL COMPLEX                               </t>
  </si>
  <si>
    <t xml:space="preserve">RAIPUR, DEHRADUN                                  </t>
  </si>
  <si>
    <t xml:space="preserve">UTTRAKHAND                                        </t>
  </si>
  <si>
    <t xml:space="preserve">602402010001388               </t>
  </si>
  <si>
    <t xml:space="preserve">LADPUR BRANCH                                     </t>
  </si>
  <si>
    <t xml:space="preserve">DEHRADUN                                          </t>
  </si>
  <si>
    <t xml:space="preserve">000026000           </t>
  </si>
  <si>
    <t xml:space="preserve">ura69@yahoo.co.in                                                     </t>
  </si>
  <si>
    <t xml:space="preserve">ADIPK0829Q                    </t>
  </si>
  <si>
    <t xml:space="preserve">120109  </t>
  </si>
  <si>
    <t>0005010299</t>
  </si>
  <si>
    <t xml:space="preserve">rakesh nath agrawal                                                        </t>
  </si>
  <si>
    <t xml:space="preserve">1300027             </t>
  </si>
  <si>
    <t xml:space="preserve">40, inayat ganj                                   </t>
  </si>
  <si>
    <t xml:space="preserve">near holi ka chauora                              </t>
  </si>
  <si>
    <t xml:space="preserve">pilibhit UTTAR PRADESH                            </t>
  </si>
  <si>
    <t xml:space="preserve">0385000100042456              </t>
  </si>
  <si>
    <t xml:space="preserve">9219657460                              </t>
  </si>
  <si>
    <t xml:space="preserve">RAKESHNATHAGARWAL@GMAIL.COM                                           </t>
  </si>
  <si>
    <t xml:space="preserve">AGFPA3288D                    </t>
  </si>
  <si>
    <t xml:space="preserve">21115119  </t>
  </si>
  <si>
    <t xml:space="preserve">DEVI SARAN SHARMA                                                          </t>
  </si>
  <si>
    <t xml:space="preserve">1300029             </t>
  </si>
  <si>
    <t xml:space="preserve">132, ALLORA ENCLAVE                               </t>
  </si>
  <si>
    <t xml:space="preserve">DAYALBAGH                                         </t>
  </si>
  <si>
    <t xml:space="preserve">AGRA                                              </t>
  </si>
  <si>
    <t xml:space="preserve">8565                          </t>
  </si>
  <si>
    <t xml:space="preserve">DR B R AMBEDKAR UNIVERSITY                        </t>
  </si>
  <si>
    <t xml:space="preserve">0562-2121049                            </t>
  </si>
  <si>
    <t xml:space="preserve">ADBPS6680A                    </t>
  </si>
  <si>
    <t xml:space="preserve">120177  </t>
  </si>
  <si>
    <t>0100149921</t>
  </si>
  <si>
    <t xml:space="preserve">SUNIL P KESWANI                                                            </t>
  </si>
  <si>
    <t xml:space="preserve">1300030             </t>
  </si>
  <si>
    <t xml:space="preserve">C-100                                             </t>
  </si>
  <si>
    <t xml:space="preserve">SHIVAJI MARG                                      </t>
  </si>
  <si>
    <t xml:space="preserve">TILAK NAGAR                                       </t>
  </si>
  <si>
    <t xml:space="preserve">JAIPUR RAJASTHAN                                  </t>
  </si>
  <si>
    <t xml:space="preserve">0420301113953                 </t>
  </si>
  <si>
    <t xml:space="preserve">BANK OF RAJASTHAN LTD                             </t>
  </si>
  <si>
    <t xml:space="preserve">BOR                                               </t>
  </si>
  <si>
    <t xml:space="preserve">000BOR000           </t>
  </si>
  <si>
    <t xml:space="preserve">9509844855                              </t>
  </si>
  <si>
    <t xml:space="preserve">keswaneysunil@gmail.com                                               </t>
  </si>
  <si>
    <t xml:space="preserve">ASVPK2370C                    </t>
  </si>
  <si>
    <t>0100071486</t>
  </si>
  <si>
    <t xml:space="preserve">DHANWANTI KESWANI                                                          </t>
  </si>
  <si>
    <t xml:space="preserve">1300033             </t>
  </si>
  <si>
    <t xml:space="preserve">C/O HARISH KESWANI                                </t>
  </si>
  <si>
    <t xml:space="preserve">2-GH-11, DHOLA BHATA,                             </t>
  </si>
  <si>
    <t xml:space="preserve">HOUSING BOARD COLONY,                             </t>
  </si>
  <si>
    <t xml:space="preserve">AJMER RAJASTHAN                                   </t>
  </si>
  <si>
    <t xml:space="preserve">0330101419109                 </t>
  </si>
  <si>
    <t xml:space="preserve">ATLPK1766H                    </t>
  </si>
  <si>
    <t xml:space="preserve">120345  </t>
  </si>
  <si>
    <t>0000263251</t>
  </si>
  <si>
    <t xml:space="preserve">ASHISH DAGRA                                                               </t>
  </si>
  <si>
    <t xml:space="preserve">1300034             </t>
  </si>
  <si>
    <t xml:space="preserve">ABHISHEK- SADAN                                   </t>
  </si>
  <si>
    <t xml:space="preserve">OPP DAULAT SADAN JAIN COLONY                      </t>
  </si>
  <si>
    <t xml:space="preserve">KISHANGARH                                        </t>
  </si>
  <si>
    <t xml:space="preserve">KISHANGARH RAJASTHAN                              </t>
  </si>
  <si>
    <t xml:space="preserve">055104000056452               </t>
  </si>
  <si>
    <t xml:space="preserve">IDBI BANK                                         </t>
  </si>
  <si>
    <t xml:space="preserve">IDB                                               </t>
  </si>
  <si>
    <t xml:space="preserve">000IDB000           </t>
  </si>
  <si>
    <t xml:space="preserve">9352586733                              </t>
  </si>
  <si>
    <t xml:space="preserve">AJUPD7050N                    </t>
  </si>
  <si>
    <t xml:space="preserve">120133  </t>
  </si>
  <si>
    <t>0000422099</t>
  </si>
  <si>
    <t xml:space="preserve">AMIT SAINI                                                                 </t>
  </si>
  <si>
    <t xml:space="preserve">1300036             </t>
  </si>
  <si>
    <t xml:space="preserve">RAILWAY COLONY                                    </t>
  </si>
  <si>
    <t xml:space="preserve">PLOT NO 170                                       </t>
  </si>
  <si>
    <t xml:space="preserve">SAWAI MADHOPUR 322001                             </t>
  </si>
  <si>
    <t xml:space="preserve">SAWAI MADHOPUR RAJASTHAN                          </t>
  </si>
  <si>
    <t xml:space="preserve">61044903155                   </t>
  </si>
  <si>
    <t xml:space="preserve">STATE BANK OF BIKANER &amp; JAIPUR                    </t>
  </si>
  <si>
    <t xml:space="preserve">SBJ                                               </t>
  </si>
  <si>
    <t xml:space="preserve">000SBJ000           </t>
  </si>
  <si>
    <t xml:space="preserve">9887794737                              </t>
  </si>
  <si>
    <t xml:space="preserve">amit.saini1985@gmail.com                                              </t>
  </si>
  <si>
    <t xml:space="preserve">CZIPS0173B                    </t>
  </si>
  <si>
    <t>0006685235</t>
  </si>
  <si>
    <t xml:space="preserve">ARUN KUMAR SARDA                                                           </t>
  </si>
  <si>
    <t xml:space="preserve">1300037             </t>
  </si>
  <si>
    <t xml:space="preserve">KARGIL SHAHID MARG                                </t>
  </si>
  <si>
    <t xml:space="preserve">W/H 08                                            </t>
  </si>
  <si>
    <t xml:space="preserve">SIKAR RAJASTHAN                                   </t>
  </si>
  <si>
    <t xml:space="preserve">1081000100036273              </t>
  </si>
  <si>
    <t xml:space="preserve">9829273988                              </t>
  </si>
  <si>
    <t xml:space="preserve">a.sarda1972@gmail.com                                                 </t>
  </si>
  <si>
    <t xml:space="preserve">AFMPS6697G                    </t>
  </si>
  <si>
    <t xml:space="preserve">120121  </t>
  </si>
  <si>
    <t>0100069467</t>
  </si>
  <si>
    <t xml:space="preserve">MANISHA .                                                                  </t>
  </si>
  <si>
    <t xml:space="preserve">1300039             </t>
  </si>
  <si>
    <t xml:space="preserve">W J -5/2  PWD ROAD WARDEN RESIDENCE               </t>
  </si>
  <si>
    <t xml:space="preserve">ENGG.HOSTEL NO.5 OPP.JNVU                         </t>
  </si>
  <si>
    <t xml:space="preserve">RATANADA RESIDENCY ROAD                           </t>
  </si>
  <si>
    <t xml:space="preserve">JODHPUR RAJASTHAN                                 </t>
  </si>
  <si>
    <t xml:space="preserve">05710100007025                </t>
  </si>
  <si>
    <t xml:space="preserve">BANK OF BARODA                                    </t>
  </si>
  <si>
    <t xml:space="preserve">UNIVERSITY CAMPUS                                 </t>
  </si>
  <si>
    <t xml:space="preserve">JODHPUR                                           </t>
  </si>
  <si>
    <t xml:space="preserve">342012006           </t>
  </si>
  <si>
    <t xml:space="preserve">9001064280                              </t>
  </si>
  <si>
    <t xml:space="preserve">AIPPM5504J                    </t>
  </si>
  <si>
    <t>0100121161</t>
  </si>
  <si>
    <t xml:space="preserve">ABHINAV KUMBHAT                                                            </t>
  </si>
  <si>
    <t xml:space="preserve">1300042             </t>
  </si>
  <si>
    <t xml:space="preserve">3RD RED BUNGLOW                                   </t>
  </si>
  <si>
    <t xml:space="preserve">RAIKA BAGH                                        </t>
  </si>
  <si>
    <t xml:space="preserve">JODHPUR RAJ                                       </t>
  </si>
  <si>
    <t xml:space="preserve">46463                         </t>
  </si>
  <si>
    <t xml:space="preserve">ORIENTAL BANK OF COMMERCE                         </t>
  </si>
  <si>
    <t xml:space="preserve">OBC                                               </t>
  </si>
  <si>
    <t xml:space="preserve">000OBC000           </t>
  </si>
  <si>
    <t xml:space="preserve">9116668555                              </t>
  </si>
  <si>
    <t xml:space="preserve">AHRPK6308F                    </t>
  </si>
  <si>
    <t>0100104849</t>
  </si>
  <si>
    <t xml:space="preserve">RAJNI LODHA                                                                </t>
  </si>
  <si>
    <t xml:space="preserve">1300043             </t>
  </si>
  <si>
    <t xml:space="preserve">8/404,                                            </t>
  </si>
  <si>
    <t xml:space="preserve">CHOPASANI HOUSING BOARD                           </t>
  </si>
  <si>
    <t xml:space="preserve">                              </t>
  </si>
  <si>
    <t xml:space="preserve">                                                  </t>
  </si>
  <si>
    <t xml:space="preserve">9414136124                              </t>
  </si>
  <si>
    <t xml:space="preserve">ACWPL9855G                    </t>
  </si>
  <si>
    <t>IN300513</t>
  </si>
  <si>
    <t xml:space="preserve">12606767  </t>
  </si>
  <si>
    <t xml:space="preserve">MANOJKUMAR HARIBHAI MEHTA                                                  </t>
  </si>
  <si>
    <t xml:space="preserve">1300044             </t>
  </si>
  <si>
    <t xml:space="preserve">16/A VAISHALI SOCIETY                             </t>
  </si>
  <si>
    <t xml:space="preserve">NR BUS DEPOT                                      </t>
  </si>
  <si>
    <t xml:space="preserve">HALOL                                             </t>
  </si>
  <si>
    <t xml:space="preserve">GUJARAT                                           </t>
  </si>
  <si>
    <t xml:space="preserve">1923613183                    </t>
  </si>
  <si>
    <t xml:space="preserve">CENTRAL BANK OF INDIA                             </t>
  </si>
  <si>
    <t xml:space="preserve">DIST PANCHMAHAL                                   </t>
  </si>
  <si>
    <t xml:space="preserve">HALAL                                             </t>
  </si>
  <si>
    <t xml:space="preserve">manojharibhaimehta@yahoo.com                                          </t>
  </si>
  <si>
    <t xml:space="preserve">AFSPM8618M                    </t>
  </si>
  <si>
    <t xml:space="preserve">14822812  </t>
  </si>
  <si>
    <t xml:space="preserve">MITALI MANISH BHATNAGAR                                                    </t>
  </si>
  <si>
    <t xml:space="preserve">1300048             </t>
  </si>
  <si>
    <t xml:space="preserve">NALIYA BRANCH TAL ABDASA                          </t>
  </si>
  <si>
    <t xml:space="preserve">KUTCH                                             </t>
  </si>
  <si>
    <t xml:space="preserve">10933849915                   </t>
  </si>
  <si>
    <t xml:space="preserve">NALIYA                                            </t>
  </si>
  <si>
    <t xml:space="preserve">maneeshbhatnagar01@gmail.com                                          </t>
  </si>
  <si>
    <t xml:space="preserve">ANGPB5457K                    </t>
  </si>
  <si>
    <t>IN302201</t>
  </si>
  <si>
    <t xml:space="preserve">10155763  </t>
  </si>
  <si>
    <t xml:space="preserve">HASUMATI PRAVINKUMAR PATEL                                                 </t>
  </si>
  <si>
    <t xml:space="preserve">1300050             </t>
  </si>
  <si>
    <t xml:space="preserve">12 MALAY TENAMENTS                                </t>
  </si>
  <si>
    <t xml:space="preserve">BARAGE ROAD                                       </t>
  </si>
  <si>
    <t xml:space="preserve">VASNA                                             </t>
  </si>
  <si>
    <t xml:space="preserve">AHMEDABAD                                         </t>
  </si>
  <si>
    <t xml:space="preserve">476                           </t>
  </si>
  <si>
    <t xml:space="preserve">PROGRESSIVE MERCANTILE CO-OP BANK                 </t>
  </si>
  <si>
    <t xml:space="preserve">NAVRANGPURA - C. G. ROAD BRANCH                   </t>
  </si>
  <si>
    <t xml:space="preserve">ABHIGAM COMPLEX                                   </t>
  </si>
  <si>
    <t xml:space="preserve">OPP. DOCTOR HOUSE                                 </t>
  </si>
  <si>
    <t xml:space="preserve">380141004           </t>
  </si>
  <si>
    <t xml:space="preserve">11                  </t>
  </si>
  <si>
    <t xml:space="preserve">26632929                                </t>
  </si>
  <si>
    <t xml:space="preserve">AEVPP5894C                    </t>
  </si>
  <si>
    <t xml:space="preserve">120332  </t>
  </si>
  <si>
    <t>0000917711</t>
  </si>
  <si>
    <t xml:space="preserve">KAMILALI MOH USMANALI SAIYED                                               </t>
  </si>
  <si>
    <t xml:space="preserve">1300052             </t>
  </si>
  <si>
    <t xml:space="preserve">27 SHAHALAM SOCIETY                               </t>
  </si>
  <si>
    <t xml:space="preserve">SHAHALAM                                          </t>
  </si>
  <si>
    <t xml:space="preserve">AHMEDABAD GUJARAT                                 </t>
  </si>
  <si>
    <t xml:space="preserve">032010100499309               </t>
  </si>
  <si>
    <t xml:space="preserve">AXIS BANK LTD                                     </t>
  </si>
  <si>
    <t xml:space="preserve">UTI                                               </t>
  </si>
  <si>
    <t xml:space="preserve">000UTI000           </t>
  </si>
  <si>
    <t xml:space="preserve">9727022667                              </t>
  </si>
  <si>
    <t xml:space="preserve">BJYPS1250G                    </t>
  </si>
  <si>
    <t>0002307611</t>
  </si>
  <si>
    <t xml:space="preserve">BHATIA RAJNIKANT AMBALAL HUF .                                             </t>
  </si>
  <si>
    <t xml:space="preserve">1300057             </t>
  </si>
  <si>
    <t xml:space="preserve">PRABHUKRIPA SOCIETY                               </t>
  </si>
  <si>
    <t xml:space="preserve">PATAN GUJARAT                                     </t>
  </si>
  <si>
    <t xml:space="preserve">21692                         </t>
  </si>
  <si>
    <t xml:space="preserve">DENA BANK                                         </t>
  </si>
  <si>
    <t xml:space="preserve">DEB                                               </t>
  </si>
  <si>
    <t xml:space="preserve">000DEB000           </t>
  </si>
  <si>
    <t>W002500563</t>
  </si>
  <si>
    <t xml:space="preserve">9898630348                              </t>
  </si>
  <si>
    <t xml:space="preserve">pareshbhatiya2168@gmail.com                                           </t>
  </si>
  <si>
    <t xml:space="preserve">AAGHB3245J                    </t>
  </si>
  <si>
    <t xml:space="preserve">120126  </t>
  </si>
  <si>
    <t>0000029551</t>
  </si>
  <si>
    <t xml:space="preserve">SANJAYKUMAR S. CHAUHAN                                                     </t>
  </si>
  <si>
    <t xml:space="preserve">1300059             </t>
  </si>
  <si>
    <t xml:space="preserve">VITTAL CHOLK,                                     </t>
  </si>
  <si>
    <t xml:space="preserve">KARAMSAD,                                         </t>
  </si>
  <si>
    <t xml:space="preserve">KARAMSAD GUJARAT                                  </t>
  </si>
  <si>
    <t xml:space="preserve">5302                          </t>
  </si>
  <si>
    <t xml:space="preserve">OPP. BAPESHWAR MAHADEO MANDIR                     </t>
  </si>
  <si>
    <t xml:space="preserve">KARAMSAD                                          </t>
  </si>
  <si>
    <t xml:space="preserve">388012KRS           </t>
  </si>
  <si>
    <t xml:space="preserve">9825892820                              </t>
  </si>
  <si>
    <t xml:space="preserve">AGYPC6778M                    </t>
  </si>
  <si>
    <t>IN300214</t>
  </si>
  <si>
    <t xml:space="preserve">12198772  </t>
  </si>
  <si>
    <t xml:space="preserve">KIRTI KHATRI                                                               </t>
  </si>
  <si>
    <t xml:space="preserve">1300062             </t>
  </si>
  <si>
    <t xml:space="preserve">5 A SAHAJANAND APARTMENT TARANG SOC               </t>
  </si>
  <si>
    <t xml:space="preserve">AKOTA STADIUM                                     </t>
  </si>
  <si>
    <t xml:space="preserve">BARODA GUJARAT                                    </t>
  </si>
  <si>
    <t xml:space="preserve">013010100697743               </t>
  </si>
  <si>
    <t xml:space="preserve">UTI BANK                                          </t>
  </si>
  <si>
    <t xml:space="preserve">RACE COURSE CIRCLE                                </t>
  </si>
  <si>
    <t xml:space="preserve">BARODA                                            </t>
  </si>
  <si>
    <t xml:space="preserve">2330288                                 </t>
  </si>
  <si>
    <t xml:space="preserve">CNK122@30GIGS.COM                                                     </t>
  </si>
  <si>
    <t xml:space="preserve">AGLPK8804H                    </t>
  </si>
  <si>
    <t>IN301549</t>
  </si>
  <si>
    <t xml:space="preserve">14833919  </t>
  </si>
  <si>
    <t xml:space="preserve">ANKURKUMAR VASUDEVBHAI PANCHAL                                             </t>
  </si>
  <si>
    <t xml:space="preserve">1300063             </t>
  </si>
  <si>
    <t xml:space="preserve">B/3 RANCHHODNAGAR                                 </t>
  </si>
  <si>
    <t xml:space="preserve">STATION ROAD PADRA                                </t>
  </si>
  <si>
    <t xml:space="preserve">7218                          </t>
  </si>
  <si>
    <t xml:space="preserve">THE BARODA CENTRAL CO OP BANK LTD                 </t>
  </si>
  <si>
    <t xml:space="preserve">MANDVI BRANCH                                     </t>
  </si>
  <si>
    <t xml:space="preserve">390153002           </t>
  </si>
  <si>
    <t xml:space="preserve">APFPP4597M                    </t>
  </si>
  <si>
    <t>IN302164</t>
  </si>
  <si>
    <t xml:space="preserve">10096703  </t>
  </si>
  <si>
    <t xml:space="preserve">RENU R BANSAL                                                              </t>
  </si>
  <si>
    <t xml:space="preserve">1300064             </t>
  </si>
  <si>
    <t xml:space="preserve">2 / B, ANJAN SALAKHA                              </t>
  </si>
  <si>
    <t xml:space="preserve">PARLE POINT                                       </t>
  </si>
  <si>
    <t xml:space="preserve">SURAT                                             </t>
  </si>
  <si>
    <t xml:space="preserve">5515048385                    </t>
  </si>
  <si>
    <t xml:space="preserve">CITI BANK                                         </t>
  </si>
  <si>
    <t xml:space="preserve">2253327                                 </t>
  </si>
  <si>
    <t xml:space="preserve">chanakya.investment@rediffmail.com                                    </t>
  </si>
  <si>
    <t xml:space="preserve">AHTPB2861Q                    </t>
  </si>
  <si>
    <t xml:space="preserve">120379  </t>
  </si>
  <si>
    <t>0000073378</t>
  </si>
  <si>
    <t xml:space="preserve">ASHABEN BIPINCHANDRA GANDHI                                                </t>
  </si>
  <si>
    <t xml:space="preserve">1300066             </t>
  </si>
  <si>
    <t xml:space="preserve">RESI PLOT NO 108                                  </t>
  </si>
  <si>
    <t xml:space="preserve">CHHARWADA RODA                                    </t>
  </si>
  <si>
    <t xml:space="preserve">VAPI GUJARAT                                      </t>
  </si>
  <si>
    <t xml:space="preserve">0085669386001                 </t>
  </si>
  <si>
    <t xml:space="preserve">INDUSIND BANK LTD                                 </t>
  </si>
  <si>
    <t xml:space="preserve">IDS                                               </t>
  </si>
  <si>
    <t xml:space="preserve">000IDS000           </t>
  </si>
  <si>
    <t xml:space="preserve">9825132643                              </t>
  </si>
  <si>
    <t xml:space="preserve">gandhiab@yahoo.in                                                     </t>
  </si>
  <si>
    <t xml:space="preserve">ACMPG7151Q                    </t>
  </si>
  <si>
    <t>IN300484</t>
  </si>
  <si>
    <t xml:space="preserve">12159523  </t>
  </si>
  <si>
    <t xml:space="preserve">HEMLATA JAIN                                                               </t>
  </si>
  <si>
    <t xml:space="preserve">1300069             </t>
  </si>
  <si>
    <t xml:space="preserve">418/10                                            </t>
  </si>
  <si>
    <t xml:space="preserve">LAXMI VIHAR                                       </t>
  </si>
  <si>
    <t xml:space="preserve">AHINSA MARG, KHAR W                               </t>
  </si>
  <si>
    <t xml:space="preserve">MUMBAI                                            </t>
  </si>
  <si>
    <t xml:space="preserve">34300                         </t>
  </si>
  <si>
    <t xml:space="preserve">S V ROAD                                          </t>
  </si>
  <si>
    <t xml:space="preserve">KHAR W                                            </t>
  </si>
  <si>
    <t xml:space="preserve">26045699                                </t>
  </si>
  <si>
    <t xml:space="preserve">AADPJ0433F                    </t>
  </si>
  <si>
    <t xml:space="preserve">10390324  </t>
  </si>
  <si>
    <t xml:space="preserve">KAMAL JAGASIA                                                              </t>
  </si>
  <si>
    <t xml:space="preserve">1300076             </t>
  </si>
  <si>
    <t xml:space="preserve">C/22 GURUKRIPA                                    </t>
  </si>
  <si>
    <t xml:space="preserve">SINDHI SOCIETY                                    </t>
  </si>
  <si>
    <t xml:space="preserve">CHEMBUR                                           </t>
  </si>
  <si>
    <t xml:space="preserve">06310110000552                </t>
  </si>
  <si>
    <t xml:space="preserve">KOTAK MAHINDRA BANK LTD                           </t>
  </si>
  <si>
    <t xml:space="preserve">GROUND FLOOR                                      </t>
  </si>
  <si>
    <t xml:space="preserve">159 BHAVYA COMPLEX C S T ROAD                     </t>
  </si>
  <si>
    <t xml:space="preserve">KALINA SANTACRUZ EAST                             </t>
  </si>
  <si>
    <t xml:space="preserve">+91-022-0                               </t>
  </si>
  <si>
    <t xml:space="preserve">jagasia.mf@gmail.com                                                  </t>
  </si>
  <si>
    <t xml:space="preserve">ADBPJ8859N                    </t>
  </si>
  <si>
    <t xml:space="preserve">16811192  </t>
  </si>
  <si>
    <t xml:space="preserve">BOSCO CORREIA JJ                                                           </t>
  </si>
  <si>
    <t xml:space="preserve">1300078             </t>
  </si>
  <si>
    <t xml:space="preserve">B 104 PARASNATH DARSHAN COMPLEX                   </t>
  </si>
  <si>
    <t xml:space="preserve">KIROL KURLA RD VIDYAVIHAR W                       </t>
  </si>
  <si>
    <t xml:space="preserve">MAHARASHTRA                                       </t>
  </si>
  <si>
    <t xml:space="preserve">3702                          </t>
  </si>
  <si>
    <t xml:space="preserve">THE MOGAVEERA CO OP BANK LTD                      </t>
  </si>
  <si>
    <t xml:space="preserve">KURLA W                                           </t>
  </si>
  <si>
    <t xml:space="preserve">400084005           </t>
  </si>
  <si>
    <t xml:space="preserve">25020027                                </t>
  </si>
  <si>
    <t xml:space="preserve">rachelbosco2002@yahoo.com                                             </t>
  </si>
  <si>
    <t xml:space="preserve">AHKPC0225G                    </t>
  </si>
  <si>
    <t xml:space="preserve">120247  </t>
  </si>
  <si>
    <t>0000196340</t>
  </si>
  <si>
    <t xml:space="preserve">ZAHRA MOHAMMED KHUSROO SHAIKH                                              </t>
  </si>
  <si>
    <t xml:space="preserve">1300081             </t>
  </si>
  <si>
    <t xml:space="preserve">ROOM NO 207, NOORANI MANOR,                       </t>
  </si>
  <si>
    <t xml:space="preserve">ANAND KOLIWADA,                                   </t>
  </si>
  <si>
    <t xml:space="preserve">MUMBRA NR PARSIK TUNNEL                           </t>
  </si>
  <si>
    <t xml:space="preserve">THANE MAHARASHTRA                                 </t>
  </si>
  <si>
    <t xml:space="preserve">15594                         </t>
  </si>
  <si>
    <t xml:space="preserve">BOMBAY MERCANTILE CO OP BANK LTD                  </t>
  </si>
  <si>
    <t xml:space="preserve">ABDUL REHMAN STREET (ARS)                         </t>
  </si>
  <si>
    <t xml:space="preserve">400069019           </t>
  </si>
  <si>
    <t xml:space="preserve">8451916776                              </t>
  </si>
  <si>
    <t xml:space="preserve">AAHPZ6667M                    </t>
  </si>
  <si>
    <t xml:space="preserve">120243  </t>
  </si>
  <si>
    <t>0000035203</t>
  </si>
  <si>
    <t xml:space="preserve">HIRALAL GANPATLAL SONI                                                     </t>
  </si>
  <si>
    <t xml:space="preserve">1300083             </t>
  </si>
  <si>
    <t xml:space="preserve">GARADE  WADA,                                     </t>
  </si>
  <si>
    <t xml:space="preserve">NEAR  P D C C  BANK,                              </t>
  </si>
  <si>
    <t xml:space="preserve">AUNDH  GAON                                       </t>
  </si>
  <si>
    <t xml:space="preserve">PUNE MAHARASHTRA                                  </t>
  </si>
  <si>
    <t xml:space="preserve">13514                         </t>
  </si>
  <si>
    <t xml:space="preserve">PUNE PEOPLES CO OP BANK LTD                       </t>
  </si>
  <si>
    <t xml:space="preserve">KASBA PETH (KBP)                                  </t>
  </si>
  <si>
    <t xml:space="preserve">Pune                                              </t>
  </si>
  <si>
    <t xml:space="preserve">411168006           </t>
  </si>
  <si>
    <t xml:space="preserve">9922056020                              </t>
  </si>
  <si>
    <t xml:space="preserve">hirasoni85@yahoo.in                                                   </t>
  </si>
  <si>
    <t xml:space="preserve">CPQPS1305R                    </t>
  </si>
  <si>
    <t>0000734466</t>
  </si>
  <si>
    <t xml:space="preserve">POPATLAL TEJRAJ GANDHI                                                     </t>
  </si>
  <si>
    <t xml:space="preserve">1300085             </t>
  </si>
  <si>
    <t xml:space="preserve">ZAVERI ARKED MAIN ROAD                            </t>
  </si>
  <si>
    <t xml:space="preserve">BARAMATI TAL BARAMATI                             </t>
  </si>
  <si>
    <t xml:space="preserve">DIST PUNE                                         </t>
  </si>
  <si>
    <t xml:space="preserve">135010100064503               </t>
  </si>
  <si>
    <t xml:space="preserve">9850958531                              </t>
  </si>
  <si>
    <t xml:space="preserve">ptgandhi5@gmail.com                                                   </t>
  </si>
  <si>
    <t xml:space="preserve">ABMPG3609E                    </t>
  </si>
  <si>
    <t xml:space="preserve">130234  </t>
  </si>
  <si>
    <t>0000037931</t>
  </si>
  <si>
    <t xml:space="preserve">BHARTI SURESH GANDHI                                                       </t>
  </si>
  <si>
    <t xml:space="preserve">1300086             </t>
  </si>
  <si>
    <t xml:space="preserve">SHIVAJI HOUSING SOCIETY                           </t>
  </si>
  <si>
    <t xml:space="preserve">NEAR DHARMIK PARIKSHA BOARD                       </t>
  </si>
  <si>
    <t xml:space="preserve">AHMEDNAGAR                                        </t>
  </si>
  <si>
    <t xml:space="preserve">AHMEDNAGAR MAHARASHTRA                            </t>
  </si>
  <si>
    <t xml:space="preserve">21/9880                       </t>
  </si>
  <si>
    <t xml:space="preserve">AHMEDNAGAR MERCHANTS CO OP BANK LTD               </t>
  </si>
  <si>
    <t xml:space="preserve">AHM                                               </t>
  </si>
  <si>
    <t xml:space="preserve">000AHM000           </t>
  </si>
  <si>
    <t xml:space="preserve">9422221909                              </t>
  </si>
  <si>
    <t xml:space="preserve">ALBPG2257R                    </t>
  </si>
  <si>
    <t xml:space="preserve">17936762  </t>
  </si>
  <si>
    <t xml:space="preserve">SHIVAJI SITARAM SURYAWANSHI                                                </t>
  </si>
  <si>
    <t xml:space="preserve">1300089             </t>
  </si>
  <si>
    <t xml:space="preserve">23 AVI MANGALMURTI NAGAR                          </t>
  </si>
  <si>
    <t xml:space="preserve">CANAL ROAD JAIL ROAD                              </t>
  </si>
  <si>
    <t xml:space="preserve">NASHIK ROAD                                       </t>
  </si>
  <si>
    <t xml:space="preserve">NASHIK MAHARASHTRA                                </t>
  </si>
  <si>
    <t xml:space="preserve">115010100404709               </t>
  </si>
  <si>
    <t xml:space="preserve">AXIS BANK                                         </t>
  </si>
  <si>
    <t xml:space="preserve">MALPANI PRIDE                                     </t>
  </si>
  <si>
    <t xml:space="preserve">NEW PANDIT COLONY                                 </t>
  </si>
  <si>
    <t xml:space="preserve">OFF SHARANPUR ROAD                                </t>
  </si>
  <si>
    <t xml:space="preserve">NASHIK                                            </t>
  </si>
  <si>
    <t xml:space="preserve">ssssuryawanshi@rediffmail.com                                         </t>
  </si>
  <si>
    <t xml:space="preserve">AEHPS9658H                    </t>
  </si>
  <si>
    <t xml:space="preserve">12529543  </t>
  </si>
  <si>
    <t xml:space="preserve">SURENDRA PRATAP SINGH                                                      </t>
  </si>
  <si>
    <t xml:space="preserve">1300090             </t>
  </si>
  <si>
    <t xml:space="preserve">H P C L LTD                                       </t>
  </si>
  <si>
    <t xml:space="preserve">PANEWADI                                          </t>
  </si>
  <si>
    <t xml:space="preserve">MANMAD                                            </t>
  </si>
  <si>
    <t xml:space="preserve">11416649872                   </t>
  </si>
  <si>
    <t xml:space="preserve">sps@hpcl.co.in                                                        </t>
  </si>
  <si>
    <t xml:space="preserve">AIXPS0187R                    </t>
  </si>
  <si>
    <t>IN300394</t>
  </si>
  <si>
    <t xml:space="preserve">14021755  </t>
  </si>
  <si>
    <t xml:space="preserve">KASAR CHANGDEO KARBHARI                                                    </t>
  </si>
  <si>
    <t xml:space="preserve">1300092             </t>
  </si>
  <si>
    <t xml:space="preserve">F-2 DISHA ALANKAR B                               </t>
  </si>
  <si>
    <t xml:space="preserve">CIDCO                                             </t>
  </si>
  <si>
    <t xml:space="preserve">CANNOUGHT PLACE                                   </t>
  </si>
  <si>
    <t xml:space="preserve">AURANGABAD MAHARASTRA                             </t>
  </si>
  <si>
    <t xml:space="preserve">2537                          </t>
  </si>
  <si>
    <t xml:space="preserve">SARSWAT CO-OPERATIVE BANK LTD                     </t>
  </si>
  <si>
    <t xml:space="preserve">AURANGABAD                                        </t>
  </si>
  <si>
    <t xml:space="preserve">2484683/9822952848                      </t>
  </si>
  <si>
    <t xml:space="preserve">ACOPK8581A                    </t>
  </si>
  <si>
    <t xml:space="preserve">120175  </t>
  </si>
  <si>
    <t>0000181431</t>
  </si>
  <si>
    <t xml:space="preserve">ANAND BADRIPRASAD AGRAWAL                                                  </t>
  </si>
  <si>
    <t xml:space="preserve">1300093             </t>
  </si>
  <si>
    <t xml:space="preserve">REVENUE COLONY, GANESH NAGAR,G                    </t>
  </si>
  <si>
    <t xml:space="preserve">GONDIA MAHARASHTRA                                </t>
  </si>
  <si>
    <t xml:space="preserve">22033269                      </t>
  </si>
  <si>
    <t xml:space="preserve">SYNDICATE BANK                                    </t>
  </si>
  <si>
    <t xml:space="preserve">SYB                                               </t>
  </si>
  <si>
    <t xml:space="preserve">000SYB000           </t>
  </si>
  <si>
    <t xml:space="preserve">9860264585                              </t>
  </si>
  <si>
    <t xml:space="preserve">AEZPA2731F                    </t>
  </si>
  <si>
    <t xml:space="preserve">130231  </t>
  </si>
  <si>
    <t>0000006988</t>
  </si>
  <si>
    <t xml:space="preserve">ASHISH RAMMANOHAR LOHIYA                                                   </t>
  </si>
  <si>
    <t xml:space="preserve">1300095             </t>
  </si>
  <si>
    <t xml:space="preserve">ASHISH', RANPISE NAGAR,                          </t>
  </si>
  <si>
    <t xml:space="preserve">AKOLA M.S.                                        </t>
  </si>
  <si>
    <t xml:space="preserve">26854                         </t>
  </si>
  <si>
    <t xml:space="preserve">AKOLA JANATA COMMERCIAL CO OP BANK LTD            </t>
  </si>
  <si>
    <t xml:space="preserve">AJC                                               </t>
  </si>
  <si>
    <t xml:space="preserve">000AJC000           </t>
  </si>
  <si>
    <t xml:space="preserve">ACHPL1180F                    </t>
  </si>
  <si>
    <t>IN301983</t>
  </si>
  <si>
    <t xml:space="preserve">10257810  </t>
  </si>
  <si>
    <t xml:space="preserve">RAVI PRAKASH BILALA                                                        </t>
  </si>
  <si>
    <t xml:space="preserve">1300097             </t>
  </si>
  <si>
    <t xml:space="preserve">68, NEMI NAGAR EXTN.,                             </t>
  </si>
  <si>
    <t xml:space="preserve">INDORE (M.P.)                                     </t>
  </si>
  <si>
    <t xml:space="preserve">043010100172783               </t>
  </si>
  <si>
    <t xml:space="preserve">AXIS BANK LTD.                                    </t>
  </si>
  <si>
    <t xml:space="preserve">Y. N. ROAD,                                       </t>
  </si>
  <si>
    <t xml:space="preserve">0731-2368919                            </t>
  </si>
  <si>
    <t xml:space="preserve">bilala99@hotmail.com                                                  </t>
  </si>
  <si>
    <t xml:space="preserve">AEHPB0104P                    </t>
  </si>
  <si>
    <t xml:space="preserve">120112  </t>
  </si>
  <si>
    <t>0000186319</t>
  </si>
  <si>
    <t xml:space="preserve">MADANKANWAR BAFNA                                                          </t>
  </si>
  <si>
    <t xml:space="preserve">1300098             </t>
  </si>
  <si>
    <t xml:space="preserve">MAIN ROAD,                                        </t>
  </si>
  <si>
    <t xml:space="preserve">SHIVAJI WARD,                                     </t>
  </si>
  <si>
    <t xml:space="preserve">HARDA MADHYAPRADESH                               </t>
  </si>
  <si>
    <t xml:space="preserve">0208000100150649              </t>
  </si>
  <si>
    <t xml:space="preserve">9425125767                              </t>
  </si>
  <si>
    <t xml:space="preserve">bafnaagency@rediffmail.com                                            </t>
  </si>
  <si>
    <t xml:space="preserve">AMVPB1480A                    </t>
  </si>
  <si>
    <t>IN302092</t>
  </si>
  <si>
    <t xml:space="preserve">10186100  </t>
  </si>
  <si>
    <t xml:space="preserve">SATVINDER SINGH CHHABRA                                                    </t>
  </si>
  <si>
    <t xml:space="preserve">1300099             </t>
  </si>
  <si>
    <t xml:space="preserve">SHREEDHAM APPATMENT                               </t>
  </si>
  <si>
    <t xml:space="preserve">9/2 , MALVIYA NAGAR                               </t>
  </si>
  <si>
    <t xml:space="preserve">BHOPAL                                            </t>
  </si>
  <si>
    <t xml:space="preserve">MADHYA PRADESH                                    </t>
  </si>
  <si>
    <t xml:space="preserve">015/2115                      </t>
  </si>
  <si>
    <t xml:space="preserve">JHARNESHWAR NAGRIK SAHAKARI BANK LT               </t>
  </si>
  <si>
    <t xml:space="preserve">NEW MARKET                                        </t>
  </si>
  <si>
    <t xml:space="preserve">462308004           </t>
  </si>
  <si>
    <t xml:space="preserve">ARCPC8609E                    </t>
  </si>
  <si>
    <t xml:space="preserve">10555066  </t>
  </si>
  <si>
    <t xml:space="preserve">RISHABH JAIN                                                               </t>
  </si>
  <si>
    <t xml:space="preserve">1300100             </t>
  </si>
  <si>
    <t xml:space="preserve">COOPERATIVE BANK KE SAMNE,                        </t>
  </si>
  <si>
    <t xml:space="preserve">SADAR BAZAR,                                      </t>
  </si>
  <si>
    <t xml:space="preserve">BHIND (M.P.)                                      </t>
  </si>
  <si>
    <t xml:space="preserve">53051058312                   </t>
  </si>
  <si>
    <t xml:space="preserve">STATE BANK OF INDORE                              </t>
  </si>
  <si>
    <t xml:space="preserve">BHIND,                                            </t>
  </si>
  <si>
    <t xml:space="preserve">risavjain.ever@gmail.com                                              </t>
  </si>
  <si>
    <t xml:space="preserve">AIZPJ5663K                    </t>
  </si>
  <si>
    <t xml:space="preserve">130144  </t>
  </si>
  <si>
    <t>0001432184</t>
  </si>
  <si>
    <t xml:space="preserve">PRADUM POTDAR .                                                            </t>
  </si>
  <si>
    <t xml:space="preserve">1300101             </t>
  </si>
  <si>
    <t xml:space="preserve">BUDHWARI BAZAR                                    </t>
  </si>
  <si>
    <t xml:space="preserve">ASHOK WARD                                        </t>
  </si>
  <si>
    <t xml:space="preserve">SEONI MADHYA PRADESH                              </t>
  </si>
  <si>
    <t xml:space="preserve">0490000100779221              </t>
  </si>
  <si>
    <t xml:space="preserve">8962223591                              </t>
  </si>
  <si>
    <t xml:space="preserve">PRADUMPOTDAR@GMAIL.COM                                                </t>
  </si>
  <si>
    <t xml:space="preserve">CZZPP7911F                    </t>
  </si>
  <si>
    <t xml:space="preserve">        </t>
  </si>
  <si>
    <t>SHS9500004</t>
  </si>
  <si>
    <t xml:space="preserve">AMIT SHRIHARSH MUKHERJEE                                                   </t>
  </si>
  <si>
    <t xml:space="preserve">1300103             </t>
  </si>
  <si>
    <t xml:space="preserve">1011 LORDGUNJ                                     </t>
  </si>
  <si>
    <t xml:space="preserve">B/H GANDHI ASHRAM                                 </t>
  </si>
  <si>
    <t xml:space="preserve">KHADI BHANDAR JABALPUR (M.P)                      </t>
  </si>
  <si>
    <t>W002500564</t>
  </si>
  <si>
    <t xml:space="preserve">                                                                      </t>
  </si>
  <si>
    <t xml:space="preserve">11288165  </t>
  </si>
  <si>
    <t xml:space="preserve">JUGAL KISHORE MUNDADA                                                      </t>
  </si>
  <si>
    <t xml:space="preserve">1300104             </t>
  </si>
  <si>
    <t xml:space="preserve">48 III FLOOR                                      </t>
  </si>
  <si>
    <t xml:space="preserve">ABIDS SHOPPING CENTRE                             </t>
  </si>
  <si>
    <t xml:space="preserve">ABIDS                                             </t>
  </si>
  <si>
    <t xml:space="preserve">HYDERABAD                                         </t>
  </si>
  <si>
    <t xml:space="preserve">24229                         </t>
  </si>
  <si>
    <t xml:space="preserve">CANARA BANK                                       </t>
  </si>
  <si>
    <t xml:space="preserve">ABIDS ROAD BRANCH                                 </t>
  </si>
  <si>
    <t xml:space="preserve">3203835 4756284                         </t>
  </si>
  <si>
    <t xml:space="preserve">ABOPM8055G                    </t>
  </si>
  <si>
    <t>IN302863</t>
  </si>
  <si>
    <t xml:space="preserve">10221422  </t>
  </si>
  <si>
    <t xml:space="preserve">PADMA VATHI M                                                              </t>
  </si>
  <si>
    <t xml:space="preserve">1300110             </t>
  </si>
  <si>
    <t xml:space="preserve">H NO 4-10-49/1                                    </t>
  </si>
  <si>
    <t xml:space="preserve">BADA KASAB GALLY                                  </t>
  </si>
  <si>
    <t xml:space="preserve">KAMAREDDY                                         </t>
  </si>
  <si>
    <t xml:space="preserve">30048135112                   </t>
  </si>
  <si>
    <t xml:space="preserve">5-3-53 NH ROAD                                    </t>
  </si>
  <si>
    <t xml:space="preserve">NIZAMABAD                                         </t>
  </si>
  <si>
    <t xml:space="preserve">503002102           </t>
  </si>
  <si>
    <t xml:space="preserve">mudaripadmavathi@gmail.co                                             </t>
  </si>
  <si>
    <t xml:space="preserve">AMWPM8871D                    </t>
  </si>
  <si>
    <t xml:space="preserve">17023814  </t>
  </si>
  <si>
    <t xml:space="preserve">RAJA SHEKHAR KALYANI                                                       </t>
  </si>
  <si>
    <t xml:space="preserve">1300111             </t>
  </si>
  <si>
    <t xml:space="preserve">H NO- 1/ 544                                      </t>
  </si>
  <si>
    <t xml:space="preserve">SRINIVAS NAGAR                                    </t>
  </si>
  <si>
    <t xml:space="preserve">NEAR ADONI ARTS AND SCIENCE COLLEGE               </t>
  </si>
  <si>
    <t xml:space="preserve">ADONI                                             </t>
  </si>
  <si>
    <t xml:space="preserve">33732200015611                </t>
  </si>
  <si>
    <t xml:space="preserve">KURNOOL                                           </t>
  </si>
  <si>
    <t xml:space="preserve">518025202           </t>
  </si>
  <si>
    <t xml:space="preserve">kalyanirajshekhar2@gmail.com                                          </t>
  </si>
  <si>
    <t xml:space="preserve">ADQPK6941F                    </t>
  </si>
  <si>
    <t xml:space="preserve">11409479  </t>
  </si>
  <si>
    <t xml:space="preserve">BURRAMSETTY VENKATA KALYANI                                                </t>
  </si>
  <si>
    <t xml:space="preserve">1300114             </t>
  </si>
  <si>
    <t xml:space="preserve">D NO 7-4-50 BHAVANAM VARI STREET                  </t>
  </si>
  <si>
    <t xml:space="preserve">GANAGANAMMA PETA                                  </t>
  </si>
  <si>
    <t xml:space="preserve">TENALI                                            </t>
  </si>
  <si>
    <t xml:space="preserve">GUNTUR                                            </t>
  </si>
  <si>
    <t xml:space="preserve">070010100136143               </t>
  </si>
  <si>
    <t xml:space="preserve">UTI BANK LTD                                      </t>
  </si>
  <si>
    <t xml:space="preserve">1ST FLOOR P R RAJU PLAZA 11-1-1                   </t>
  </si>
  <si>
    <t xml:space="preserve">NAAZ CENTRE                                       </t>
  </si>
  <si>
    <t xml:space="preserve">SRINIVASBURRAMSETTY@YAHOO.COM                                         </t>
  </si>
  <si>
    <t xml:space="preserve">APMPK9947D                    </t>
  </si>
  <si>
    <t xml:space="preserve">16192192  </t>
  </si>
  <si>
    <t xml:space="preserve">ANANTHA PADMANABHARAO GOLLA                                                </t>
  </si>
  <si>
    <t xml:space="preserve">1300116             </t>
  </si>
  <si>
    <t xml:space="preserve">17-1-42                                           </t>
  </si>
  <si>
    <t xml:space="preserve">ONGOLE MUNCIPALITY                                </t>
  </si>
  <si>
    <t xml:space="preserve">AMLNADHUNI VEEDHI                                 </t>
  </si>
  <si>
    <t xml:space="preserve">PRAKASAM                                          </t>
  </si>
  <si>
    <t xml:space="preserve">2536101007205                 </t>
  </si>
  <si>
    <t xml:space="preserve">KURNOOL ROAD                                      </t>
  </si>
  <si>
    <t xml:space="preserve">ONGOLE                                            </t>
  </si>
  <si>
    <t xml:space="preserve">GAPRAO31@REDIFFMAIL.COM                                               </t>
  </si>
  <si>
    <t xml:space="preserve">AOQPG0072A                    </t>
  </si>
  <si>
    <t>IN302324</t>
  </si>
  <si>
    <t xml:space="preserve">10956305  </t>
  </si>
  <si>
    <t xml:space="preserve">TALLA SUNEETHA                                                             </t>
  </si>
  <si>
    <t xml:space="preserve">1300117             </t>
  </si>
  <si>
    <t xml:space="preserve">39-8-55, FLAT NO 301                              </t>
  </si>
  <si>
    <t xml:space="preserve">EMPIRE PLAZA, NEAR SKATTING PARK                  </t>
  </si>
  <si>
    <t xml:space="preserve">MURALINAGAR                                       </t>
  </si>
  <si>
    <t xml:space="preserve">VISAKHAPATNAM                                     </t>
  </si>
  <si>
    <t xml:space="preserve">62051668772                   </t>
  </si>
  <si>
    <t xml:space="preserve">STATE BANK OF HYDERABAD                           </t>
  </si>
  <si>
    <t xml:space="preserve">MURALI NAGAR                                      </t>
  </si>
  <si>
    <t xml:space="preserve">0891-2782481                            </t>
  </si>
  <si>
    <t xml:space="preserve">AGGPT8588A                    </t>
  </si>
  <si>
    <t>IN300610</t>
  </si>
  <si>
    <t xml:space="preserve">10701731  </t>
  </si>
  <si>
    <t xml:space="preserve">PRIYANKA GUPTA                                                             </t>
  </si>
  <si>
    <t xml:space="preserve">1300118             </t>
  </si>
  <si>
    <t xml:space="preserve">C/O COROMANDEL ROLLER FLOUR MILLS                 </t>
  </si>
  <si>
    <t xml:space="preserve">38-30-94/1, HUSSAIN NAGAR                         </t>
  </si>
  <si>
    <t xml:space="preserve">MARRIPALEM                                        </t>
  </si>
  <si>
    <t xml:space="preserve">0081-774099-001               </t>
  </si>
  <si>
    <t xml:space="preserve">INDUS IND BANK                                    </t>
  </si>
  <si>
    <t xml:space="preserve">GUJUWAKA BRANCH                                   </t>
  </si>
  <si>
    <t xml:space="preserve">2558505                                 </t>
  </si>
  <si>
    <t xml:space="preserve">2558864                                 </t>
  </si>
  <si>
    <t xml:space="preserve">AGEPG8073F                    </t>
  </si>
  <si>
    <t>0001077211</t>
  </si>
  <si>
    <t xml:space="preserve">SRIMANNARAYANA PINNAMANENI .                                               </t>
  </si>
  <si>
    <t xml:space="preserve">1300120             </t>
  </si>
  <si>
    <t xml:space="preserve">H NO-3-129                                        </t>
  </si>
  <si>
    <t xml:space="preserve">SANGAYAGODEM                                      </t>
  </si>
  <si>
    <t xml:space="preserve">GANDHI NAGARAM                                    </t>
  </si>
  <si>
    <t xml:space="preserve">DEVARAPALLE ANDHRA PRADESH                        </t>
  </si>
  <si>
    <t xml:space="preserve">349702010010064               </t>
  </si>
  <si>
    <t xml:space="preserve">UBI                                               </t>
  </si>
  <si>
    <t xml:space="preserve">000UBI000           </t>
  </si>
  <si>
    <t xml:space="preserve">9491052777                              </t>
  </si>
  <si>
    <t xml:space="preserve">SMTE.SRIMANNARAYANA@GMAIL.COM                                         </t>
  </si>
  <si>
    <t xml:space="preserve">AELPP6951J                    </t>
  </si>
  <si>
    <t>0005204865</t>
  </si>
  <si>
    <t xml:space="preserve">PRITHVIJIT ROY                                                             </t>
  </si>
  <si>
    <t xml:space="preserve">1300123             </t>
  </si>
  <si>
    <t xml:space="preserve">NO 504 VARS TRANQUIL S T BED                      </t>
  </si>
  <si>
    <t xml:space="preserve">LAYOUT 1ST A MAIN ROAD                            </t>
  </si>
  <si>
    <t xml:space="preserve">KORAMANGALA                                       </t>
  </si>
  <si>
    <t xml:space="preserve">BANGALORE KARNATAKA                               </t>
  </si>
  <si>
    <t xml:space="preserve">5118516801                    </t>
  </si>
  <si>
    <t xml:space="preserve">CIT                                               </t>
  </si>
  <si>
    <t xml:space="preserve">000CIT000           </t>
  </si>
  <si>
    <t xml:space="preserve">9886188082                              </t>
  </si>
  <si>
    <t xml:space="preserve">PRITHVIJIT@GMAIL.COM                                                  </t>
  </si>
  <si>
    <t xml:space="preserve">AEEPR9363K                    </t>
  </si>
  <si>
    <t>IN301696</t>
  </si>
  <si>
    <t xml:space="preserve">10082052  </t>
  </si>
  <si>
    <t xml:space="preserve">GAYATHRI RANGANATH                                                         </t>
  </si>
  <si>
    <t xml:space="preserve">1300124             </t>
  </si>
  <si>
    <t xml:space="preserve">H.NO.1195, BALAKRISHNA RAO ROAD                   </t>
  </si>
  <si>
    <t xml:space="preserve">CHAMARAJAPURAM                                    </t>
  </si>
  <si>
    <t xml:space="preserve">MYSORE                                            </t>
  </si>
  <si>
    <t xml:space="preserve">G-259                         </t>
  </si>
  <si>
    <t xml:space="preserve">STATE BANK OF MYSORE                              </t>
  </si>
  <si>
    <t xml:space="preserve">K.M PURAM BRANCH                                  </t>
  </si>
  <si>
    <t xml:space="preserve">0821 3187542                            </t>
  </si>
  <si>
    <t xml:space="preserve">bkrgs11@gmail.com                                                     </t>
  </si>
  <si>
    <t xml:space="preserve">AFPPR3512Q                    </t>
  </si>
  <si>
    <t>IN301135</t>
  </si>
  <si>
    <t xml:space="preserve">26650076  </t>
  </si>
  <si>
    <t xml:space="preserve">ARAVIND C GUNDA                                                            </t>
  </si>
  <si>
    <t xml:space="preserve">1300126             </t>
  </si>
  <si>
    <t xml:space="preserve">HOUSE NO 17                                       </t>
  </si>
  <si>
    <t xml:space="preserve">BAILAPPANAVAR BUILDING                            </t>
  </si>
  <si>
    <t xml:space="preserve">BAILAPPANAVAR NAGAR                               </t>
  </si>
  <si>
    <t xml:space="preserve">HUBLI                                             </t>
  </si>
  <si>
    <t xml:space="preserve">24691                         </t>
  </si>
  <si>
    <t xml:space="preserve">VIJAYA BANK                                       </t>
  </si>
  <si>
    <t xml:space="preserve">VIDYA NAGAR                                       </t>
  </si>
  <si>
    <t>W002500558</t>
  </si>
  <si>
    <t xml:space="preserve">2251905,9448351905                      </t>
  </si>
  <si>
    <t xml:space="preserve">AFXPG4936K                    </t>
  </si>
  <si>
    <t xml:space="preserve">120307  </t>
  </si>
  <si>
    <t>0000219805</t>
  </si>
  <si>
    <t xml:space="preserve">DEODURGA VENKATESH                                                         </t>
  </si>
  <si>
    <t xml:space="preserve">1300128             </t>
  </si>
  <si>
    <t xml:space="preserve">H NO 1-1-53/3                                     </t>
  </si>
  <si>
    <t xml:space="preserve">VENKATESHWAR NILAYA                               </t>
  </si>
  <si>
    <t xml:space="preserve">ABHU MOHALLA  DEODURG                             </t>
  </si>
  <si>
    <t xml:space="preserve">RAICHUR KARNATAKA                                 </t>
  </si>
  <si>
    <t xml:space="preserve">30415109062                   </t>
  </si>
  <si>
    <t xml:space="preserve">9343534530                              </t>
  </si>
  <si>
    <t xml:space="preserve">AIBPV1128R                    </t>
  </si>
  <si>
    <t>IN301926</t>
  </si>
  <si>
    <t xml:space="preserve">30551654  </t>
  </si>
  <si>
    <t xml:space="preserve">GIRIJAMMA                                                                  </t>
  </si>
  <si>
    <t xml:space="preserve">1300130             </t>
  </si>
  <si>
    <t xml:space="preserve">NO 5-1-127                                        </t>
  </si>
  <si>
    <t xml:space="preserve">SIDDALINGESHWAR FERTILIZER                        </t>
  </si>
  <si>
    <t xml:space="preserve">CHITTAPUR ROAD                                    </t>
  </si>
  <si>
    <t xml:space="preserve">YADGIR                                            </t>
  </si>
  <si>
    <t xml:space="preserve">01190011796                   </t>
  </si>
  <si>
    <t xml:space="preserve">YADGIR  BRANCH                                    </t>
  </si>
  <si>
    <t xml:space="preserve">08473 252914                            </t>
  </si>
  <si>
    <t xml:space="preserve">14254817  </t>
  </si>
  <si>
    <t xml:space="preserve">L BALAMURUGAN                                                              </t>
  </si>
  <si>
    <t xml:space="preserve">1300131             </t>
  </si>
  <si>
    <t xml:space="preserve">FLAT 2H LILY POND 4TH MAIN ROAD                   </t>
  </si>
  <si>
    <t xml:space="preserve">VGN MAHALAKSHMI NAGAR PHASE-V                     </t>
  </si>
  <si>
    <t xml:space="preserve">PERUMALAGARM THIRUVARKADU                         </t>
  </si>
  <si>
    <t xml:space="preserve">CHENNAI                                           </t>
  </si>
  <si>
    <t xml:space="preserve">074010100105064               </t>
  </si>
  <si>
    <t xml:space="preserve">149 1C 1D MOUNT POONAMALLE ROAD                   </t>
  </si>
  <si>
    <t xml:space="preserve">RAMAPURAM                                         </t>
  </si>
  <si>
    <t xml:space="preserve">BMK2215@GMAIL.COM                                                     </t>
  </si>
  <si>
    <t xml:space="preserve">ACQPL6317F                    </t>
  </si>
  <si>
    <t xml:space="preserve">12005115  </t>
  </si>
  <si>
    <t xml:space="preserve">K DEVASIRVATHAM                                                            </t>
  </si>
  <si>
    <t xml:space="preserve">1300133             </t>
  </si>
  <si>
    <t xml:space="preserve">252-B , APPLE STREET                              </t>
  </si>
  <si>
    <t xml:space="preserve">PERIYAR NAGAR SOUTH                               </t>
  </si>
  <si>
    <t xml:space="preserve">VRIDHACHALAM                                      </t>
  </si>
  <si>
    <t xml:space="preserve">1210155000058894              </t>
  </si>
  <si>
    <t xml:space="preserve">KARUR VYSYA BANK LTD                              </t>
  </si>
  <si>
    <t xml:space="preserve">CUDDALOR DIST                                     </t>
  </si>
  <si>
    <t xml:space="preserve">VIRDHACHALAM                                      </t>
  </si>
  <si>
    <t xml:space="preserve">TAMILNADU                                         </t>
  </si>
  <si>
    <t xml:space="preserve">606053202           </t>
  </si>
  <si>
    <t xml:space="preserve">04143 239242                            </t>
  </si>
  <si>
    <t xml:space="preserve">AJSPD0003F                    </t>
  </si>
  <si>
    <t>IN301637</t>
  </si>
  <si>
    <t xml:space="preserve">40341186  </t>
  </si>
  <si>
    <t xml:space="preserve">CHITRA P                                                                   </t>
  </si>
  <si>
    <t xml:space="preserve">1300136             </t>
  </si>
  <si>
    <t xml:space="preserve">R3/540,                                           </t>
  </si>
  <si>
    <t xml:space="preserve">BHEL TOWNSHIP                                     </t>
  </si>
  <si>
    <t xml:space="preserve">TRICHY                                            </t>
  </si>
  <si>
    <t xml:space="preserve">705441                        </t>
  </si>
  <si>
    <t xml:space="preserve">BHEL EMPLOYEES CO-OP BANK LTD.                    </t>
  </si>
  <si>
    <t xml:space="preserve">BHARAT HEAVY ELECTRICALS EMPLOYEES                </t>
  </si>
  <si>
    <t xml:space="preserve">CO-OP BANK LTD                                    </t>
  </si>
  <si>
    <t xml:space="preserve">TIRUCHIRAPPALLI                                   </t>
  </si>
  <si>
    <t xml:space="preserve">0431 557600                             </t>
  </si>
  <si>
    <t xml:space="preserve">TG                                      </t>
  </si>
  <si>
    <t xml:space="preserve">vselvam@bheltry.co.in                                                 </t>
  </si>
  <si>
    <t xml:space="preserve">ADIPC4325M                    </t>
  </si>
  <si>
    <t>0001478385</t>
  </si>
  <si>
    <t xml:space="preserve">SIVASUBRAMANIAN .                                                          </t>
  </si>
  <si>
    <t xml:space="preserve">1300139             </t>
  </si>
  <si>
    <t xml:space="preserve">NO  55-1                                          </t>
  </si>
  <si>
    <t xml:space="preserve">PERUMAL SOUTH RATHA VEETHI                        </t>
  </si>
  <si>
    <t xml:space="preserve">PALAYAMKOTTAI                                     </t>
  </si>
  <si>
    <t xml:space="preserve">TIRUNELVELI TAMILNADU                             </t>
  </si>
  <si>
    <t xml:space="preserve">438661088                     </t>
  </si>
  <si>
    <t xml:space="preserve">INB                                               </t>
  </si>
  <si>
    <t xml:space="preserve">000INB000           </t>
  </si>
  <si>
    <t xml:space="preserve">7598253499                              </t>
  </si>
  <si>
    <t xml:space="preserve">SUKGSMC2014@GMAIL.COM                                                 </t>
  </si>
  <si>
    <t xml:space="preserve">BGDPS2602C                    </t>
  </si>
  <si>
    <t>IN301313</t>
  </si>
  <si>
    <t xml:space="preserve">20668622  </t>
  </si>
  <si>
    <t xml:space="preserve">NARAYAN CH DAS                                                             </t>
  </si>
  <si>
    <t xml:space="preserve">1300151             </t>
  </si>
  <si>
    <t xml:space="preserve">E 1 - 83/B                                        </t>
  </si>
  <si>
    <t xml:space="preserve">DPL TOWNSHIP                                      </t>
  </si>
  <si>
    <t xml:space="preserve">DURGAPUR                                          </t>
  </si>
  <si>
    <t xml:space="preserve">DIST BURDWAN                                      </t>
  </si>
  <si>
    <t xml:space="preserve">255017                        </t>
  </si>
  <si>
    <t xml:space="preserve">UNITED BANK OF INDIA                              </t>
  </si>
  <si>
    <t xml:space="preserve">COKE OVEN BRANCH                                  </t>
  </si>
  <si>
    <t xml:space="preserve">COKE OVEN                                         </t>
  </si>
  <si>
    <t xml:space="preserve">10281965  </t>
  </si>
  <si>
    <t xml:space="preserve">LIPIKA GHOSH                                                               </t>
  </si>
  <si>
    <t xml:space="preserve">1300152             </t>
  </si>
  <si>
    <t xml:space="preserve">CHURCHPALLY                                       </t>
  </si>
  <si>
    <t xml:space="preserve">POST DISTRICT MALDA                               </t>
  </si>
  <si>
    <t xml:space="preserve">00138                         </t>
  </si>
  <si>
    <t xml:space="preserve">CENTRAL CO OPERATIVE BANK                         </t>
  </si>
  <si>
    <t xml:space="preserve">RATHBARI BRANCH                                   </t>
  </si>
  <si>
    <t xml:space="preserve">MALDA                                             </t>
  </si>
  <si>
    <t xml:space="preserve">03512264778                             </t>
  </si>
  <si>
    <t xml:space="preserve">ram.ghosh@gmail.com                                                   </t>
  </si>
  <si>
    <t xml:space="preserve">AHUPG9628H                    </t>
  </si>
  <si>
    <t>IN301250</t>
  </si>
  <si>
    <t xml:space="preserve">13866086  </t>
  </si>
  <si>
    <t xml:space="preserve">P BABU RAO PATRO                                                           </t>
  </si>
  <si>
    <t xml:space="preserve">1300154             </t>
  </si>
  <si>
    <t xml:space="preserve">82 BUDHA NAGAR                                    </t>
  </si>
  <si>
    <t xml:space="preserve">BHUBANESWAR                                       </t>
  </si>
  <si>
    <t xml:space="preserve">2620                          </t>
  </si>
  <si>
    <t xml:space="preserve">148 ASHOK NAGAR                                   </t>
  </si>
  <si>
    <t>W002500559</t>
  </si>
  <si>
    <t xml:space="preserve">( 0674 ) 412886                         </t>
  </si>
  <si>
    <t xml:space="preserve">ABDPP5714C                    </t>
  </si>
  <si>
    <t xml:space="preserve">14718992  </t>
  </si>
  <si>
    <t xml:space="preserve">RABINDRA NATH BISWAL                                                       </t>
  </si>
  <si>
    <t xml:space="preserve">1300155             </t>
  </si>
  <si>
    <t xml:space="preserve">AT/PO-SAHADEVKHUNTA                               </t>
  </si>
  <si>
    <t xml:space="preserve">DIST-BALASORE                                     </t>
  </si>
  <si>
    <t xml:space="preserve">ORISSA                                            </t>
  </si>
  <si>
    <t xml:space="preserve">01190013751                   </t>
  </si>
  <si>
    <t xml:space="preserve">MOTIGANJ                                          </t>
  </si>
  <si>
    <t xml:space="preserve">EVENING BRANCH                                    </t>
  </si>
  <si>
    <t xml:space="preserve">BALASORE                                          </t>
  </si>
  <si>
    <t xml:space="preserve">06782-265525                            </t>
  </si>
  <si>
    <t xml:space="preserve">AIQPB0648B                    </t>
  </si>
  <si>
    <t xml:space="preserve">120242  </t>
  </si>
  <si>
    <t>0000663611</t>
  </si>
  <si>
    <t xml:space="preserve">RANJAN RAJIV NAYAN                                                         </t>
  </si>
  <si>
    <t xml:space="preserve">1300156             </t>
  </si>
  <si>
    <t xml:space="preserve">MARWARI GHAT ROAD,                                </t>
  </si>
  <si>
    <t xml:space="preserve">BARMASIA,                                         </t>
  </si>
  <si>
    <t xml:space="preserve">PO- GIRIDIH                                       </t>
  </si>
  <si>
    <t xml:space="preserve">GIRIDIH JHARKHAND                                 </t>
  </si>
  <si>
    <t xml:space="preserve">485810110000823               </t>
  </si>
  <si>
    <t xml:space="preserve">.                                                 </t>
  </si>
  <si>
    <t xml:space="preserve">-                                                 </t>
  </si>
  <si>
    <t xml:space="preserve">-         </t>
  </si>
  <si>
    <t xml:space="preserve">000CNB000           </t>
  </si>
  <si>
    <t xml:space="preserve">9431510603                              </t>
  </si>
  <si>
    <t xml:space="preserve">ranjan_rajiv03@rediffmail.com                                         </t>
  </si>
  <si>
    <t xml:space="preserve">AAYPN4265G                    </t>
  </si>
  <si>
    <t xml:space="preserve">13630579  </t>
  </si>
  <si>
    <t xml:space="preserve">RAJESH KUMAR                                                               </t>
  </si>
  <si>
    <t xml:space="preserve">1300157             </t>
  </si>
  <si>
    <t xml:space="preserve">S/O LATE SHIV LAL BHAGAT                          </t>
  </si>
  <si>
    <t xml:space="preserve">SOUTH CHIRAGORA                                   </t>
  </si>
  <si>
    <t xml:space="preserve">NEAR LEPROSY HOSPITAL                             </t>
  </si>
  <si>
    <t xml:space="preserve">DHANBAD  JHARKHAND                                </t>
  </si>
  <si>
    <t xml:space="preserve">220                           </t>
  </si>
  <si>
    <t xml:space="preserve">CHIRAGORA                                         </t>
  </si>
  <si>
    <t xml:space="preserve">OPP B D O OFFICE                                  </t>
  </si>
  <si>
    <t xml:space="preserve">DHANBAD                                           </t>
  </si>
  <si>
    <t xml:space="preserve">0326 2310854                            </t>
  </si>
  <si>
    <t xml:space="preserve">AEMPK3378M                    </t>
  </si>
  <si>
    <t>IN300556</t>
  </si>
  <si>
    <t xml:space="preserve">10209777  </t>
  </si>
  <si>
    <t xml:space="preserve">SUNIL BANSAL KARTA SUNIL BANSAL HUF                                        </t>
  </si>
  <si>
    <t xml:space="preserve">1300159             </t>
  </si>
  <si>
    <t xml:space="preserve">B37/193-A                                         </t>
  </si>
  <si>
    <t xml:space="preserve">BIRDOPUR                                          </t>
  </si>
  <si>
    <t xml:space="preserve">VARANASI                                          </t>
  </si>
  <si>
    <t>IN301127</t>
  </si>
  <si>
    <t xml:space="preserve">19287386  </t>
  </si>
  <si>
    <t xml:space="preserve">RAJUBHAI R SHAH                                                            </t>
  </si>
  <si>
    <t xml:space="preserve">1300160             </t>
  </si>
  <si>
    <t xml:space="preserve">101 PARMANAND APT                                 </t>
  </si>
  <si>
    <t xml:space="preserve">NEW RANDER ROAD                                   </t>
  </si>
  <si>
    <t>0017201588</t>
  </si>
  <si>
    <t xml:space="preserve">PRAMOD MADHAVAN NAIR                                                       </t>
  </si>
  <si>
    <t xml:space="preserve">1300183             </t>
  </si>
  <si>
    <t>NER</t>
  </si>
  <si>
    <t xml:space="preserve">8 WEST LANDS APRT L R NO                          </t>
  </si>
  <si>
    <t xml:space="preserve">1870/X/65 RING RD WEST LANDS                      </t>
  </si>
  <si>
    <t xml:space="preserve">NAIROBI OTHER                                     </t>
  </si>
  <si>
    <t xml:space="preserve">919010056098110               </t>
  </si>
  <si>
    <t xml:space="preserve">MUMBAI - FORT, GR FLR                             </t>
  </si>
  <si>
    <t xml:space="preserve">UNIVERSAL INSURANCE BUILDING                      </t>
  </si>
  <si>
    <t xml:space="preserve">SIR P M ROAD                                      </t>
  </si>
  <si>
    <t xml:space="preserve">400211002           </t>
  </si>
  <si>
    <t xml:space="preserve">2540713573                              </t>
  </si>
  <si>
    <t xml:space="preserve">pramodm.nair@gmail.com                                                </t>
  </si>
  <si>
    <t xml:space="preserve">ACAPN6867E                    </t>
  </si>
  <si>
    <t xml:space="preserve">11233529  </t>
  </si>
  <si>
    <t xml:space="preserve">SANJAY BANSAL                                                              </t>
  </si>
  <si>
    <t xml:space="preserve">1300295             </t>
  </si>
  <si>
    <t xml:space="preserve">25/57 BLOCK-25                                    </t>
  </si>
  <si>
    <t xml:space="preserve">SHAKTI NAGAR                                      </t>
  </si>
  <si>
    <t xml:space="preserve">1526000100076604              </t>
  </si>
  <si>
    <t xml:space="preserve">SHAKTI NAGAR BRANCH                               </t>
  </si>
  <si>
    <t xml:space="preserve">110024032           </t>
  </si>
  <si>
    <t xml:space="preserve">011 23840083                            </t>
  </si>
  <si>
    <t xml:space="preserve">s.bansal1964@gmail.com                                                </t>
  </si>
  <si>
    <t xml:space="preserve">AAGPB0811J                    </t>
  </si>
  <si>
    <t>IN300685</t>
  </si>
  <si>
    <t xml:space="preserve">10333029  </t>
  </si>
  <si>
    <t xml:space="preserve">AJAY AJMANI                                                                </t>
  </si>
  <si>
    <t xml:space="preserve">1300367             </t>
  </si>
  <si>
    <t xml:space="preserve">NEELAM AJMANI                                     </t>
  </si>
  <si>
    <t xml:space="preserve">WZ 108A/I,BASAI DARAPUR                           </t>
  </si>
  <si>
    <t xml:space="preserve">MOTI NAGAR,N                                      </t>
  </si>
  <si>
    <t xml:space="preserve">0078610018                    </t>
  </si>
  <si>
    <t xml:space="preserve">CITIBANK N.A                                      </t>
  </si>
  <si>
    <t xml:space="preserve">JEEVAN BHARTI BLDG                                </t>
  </si>
  <si>
    <t xml:space="preserve">124 CONNAUGHT CIRCUS                              </t>
  </si>
  <si>
    <t xml:space="preserve">110037002           </t>
  </si>
  <si>
    <t xml:space="preserve">0                                       </t>
  </si>
  <si>
    <t xml:space="preserve">AJPPA0606E                    </t>
  </si>
  <si>
    <t xml:space="preserve">10333037  </t>
  </si>
  <si>
    <t xml:space="preserve">AJAY KUMAR AJMANI                                                          </t>
  </si>
  <si>
    <t xml:space="preserve">1300368             </t>
  </si>
  <si>
    <t xml:space="preserve">120816  </t>
  </si>
  <si>
    <t>0004733064</t>
  </si>
  <si>
    <t xml:space="preserve">VIBHAS GUPTA                                                               </t>
  </si>
  <si>
    <t xml:space="preserve">1300502             </t>
  </si>
  <si>
    <t xml:space="preserve">G 79 LAJPAT NGR 1 OPP SINDHI                      </t>
  </si>
  <si>
    <t xml:space="preserve">SCHOOL LAJPAT NGR 1                               </t>
  </si>
  <si>
    <t xml:space="preserve">50278978752                   </t>
  </si>
  <si>
    <t xml:space="preserve">AMAR COLONY                                       </t>
  </si>
  <si>
    <t xml:space="preserve">110010068           </t>
  </si>
  <si>
    <t xml:space="preserve">9899436425                              </t>
  </si>
  <si>
    <t xml:space="preserve">VIBHAS.GUPTA548@GMAIL.COM                                             </t>
  </si>
  <si>
    <t xml:space="preserve">AYUPG9157E                    </t>
  </si>
  <si>
    <t xml:space="preserve">81591073  </t>
  </si>
  <si>
    <t xml:space="preserve">SHILPA KALRA                                                               </t>
  </si>
  <si>
    <t xml:space="preserve">1300797             </t>
  </si>
  <si>
    <t xml:space="preserve">A 4/140FF PASCHIM VIHAR                           </t>
  </si>
  <si>
    <t xml:space="preserve">PASCHIM VIHAR WEST DELHI                          </t>
  </si>
  <si>
    <t xml:space="preserve">51101395483                   </t>
  </si>
  <si>
    <t xml:space="preserve">PASCHIM VIHAR                                     </t>
  </si>
  <si>
    <t xml:space="preserve">NEW  DELHI NEW  DELHI DELHI                       </t>
  </si>
  <si>
    <t xml:space="preserve">110003016           </t>
  </si>
  <si>
    <t xml:space="preserve">shilpakalra906@gmail.com                                              </t>
  </si>
  <si>
    <t xml:space="preserve">APJPK4698E                    </t>
  </si>
  <si>
    <t xml:space="preserve">120384  </t>
  </si>
  <si>
    <t>0000077445</t>
  </si>
  <si>
    <t xml:space="preserve">K P SINHA                                                                  </t>
  </si>
  <si>
    <t xml:space="preserve">1300836             </t>
  </si>
  <si>
    <t xml:space="preserve">SECTOR-D                                          </t>
  </si>
  <si>
    <t xml:space="preserve">POCKET-1, VASANT KUNJ                             </t>
  </si>
  <si>
    <t xml:space="preserve">054701003819                  </t>
  </si>
  <si>
    <t xml:space="preserve">ICICI BANK LTD                                    </t>
  </si>
  <si>
    <t xml:space="preserve">VASNAT KUNJ ISIC                                  </t>
  </si>
  <si>
    <t xml:space="preserve">INDIAN SPINAL INJURIES CENTRE                     </t>
  </si>
  <si>
    <t xml:space="preserve">OPPOSITE SECTOR C, VASANT KUNJ                    </t>
  </si>
  <si>
    <t xml:space="preserve">110229071           </t>
  </si>
  <si>
    <t xml:space="preserve">9811355661                              </t>
  </si>
  <si>
    <t xml:space="preserve">sinha.maithili@gmail.com                                              </t>
  </si>
  <si>
    <t xml:space="preserve">AXHPS9791G                    </t>
  </si>
  <si>
    <t>IN300441</t>
  </si>
  <si>
    <t xml:space="preserve">11004122  </t>
  </si>
  <si>
    <t xml:space="preserve">NEETA                                                                      </t>
  </si>
  <si>
    <t xml:space="preserve">1300911             </t>
  </si>
  <si>
    <t xml:space="preserve">G1/34 BUDH VIHAR                                  </t>
  </si>
  <si>
    <t xml:space="preserve">PHASE/1                                           </t>
  </si>
  <si>
    <t xml:space="preserve">394502010057634               </t>
  </si>
  <si>
    <t xml:space="preserve">MANGOL PURI BRANCH                                </t>
  </si>
  <si>
    <t xml:space="preserve">MANGOL PURI                                       </t>
  </si>
  <si>
    <t xml:space="preserve">110026025           </t>
  </si>
  <si>
    <t>0001047492</t>
  </si>
  <si>
    <t xml:space="preserve">SUMIT . MITTAL                                                             </t>
  </si>
  <si>
    <t xml:space="preserve">1300976             </t>
  </si>
  <si>
    <t xml:space="preserve">HOUSE NO-97A, POCKET-1                            </t>
  </si>
  <si>
    <t xml:space="preserve">MAYUR VIHAR PHASE-1                               </t>
  </si>
  <si>
    <t xml:space="preserve">00761050115200                </t>
  </si>
  <si>
    <t xml:space="preserve">BANGALORE BRANCH                                  </t>
  </si>
  <si>
    <t xml:space="preserve">POST BOX 5106 M G ROAD                            </t>
  </si>
  <si>
    <t xml:space="preserve">SHANKARNARAYAN BLDG 25 1                          </t>
  </si>
  <si>
    <t xml:space="preserve">BANGALORE                                         </t>
  </si>
  <si>
    <t xml:space="preserve">560240007           </t>
  </si>
  <si>
    <t xml:space="preserve">9945612701                              </t>
  </si>
  <si>
    <t xml:space="preserve">MITTALSUMIT@HOTMAIL.COM                                               </t>
  </si>
  <si>
    <t xml:space="preserve">AHQPM4331D                    </t>
  </si>
  <si>
    <t xml:space="preserve">23454396  </t>
  </si>
  <si>
    <t xml:space="preserve">AKHIL MARTIN PIOUS                                                         </t>
  </si>
  <si>
    <t xml:space="preserve">1301086             </t>
  </si>
  <si>
    <t xml:space="preserve">13 ROWAN ROAD                                     </t>
  </si>
  <si>
    <t xml:space="preserve">BERKSHIRE                                         </t>
  </si>
  <si>
    <t xml:space="preserve">P CODE RG263RQ                                    </t>
  </si>
  <si>
    <t xml:space="preserve">TADLEYUNITED KINDOM                               </t>
  </si>
  <si>
    <t xml:space="preserve">909010036843911               </t>
  </si>
  <si>
    <t xml:space="preserve">RAJAJI                                            </t>
  </si>
  <si>
    <t xml:space="preserve">ROAD                                              </t>
  </si>
  <si>
    <t xml:space="preserve">KOCHI                                             </t>
  </si>
  <si>
    <t xml:space="preserve">682211002           </t>
  </si>
  <si>
    <t xml:space="preserve">indyance@gmail.com                                                    </t>
  </si>
  <si>
    <t xml:space="preserve">BDIPP1776J                    </t>
  </si>
  <si>
    <t xml:space="preserve">20037474  </t>
  </si>
  <si>
    <t xml:space="preserve">SAMEER GARG                                                                </t>
  </si>
  <si>
    <t xml:space="preserve">1301188             </t>
  </si>
  <si>
    <t xml:space="preserve">ROYAL BANK OF SCOTLAND BUILDING                   </t>
  </si>
  <si>
    <t xml:space="preserve">NO 7-B DLF CYBER CITY DLF PHASE 3                 </t>
  </si>
  <si>
    <t xml:space="preserve">HARYANA-INDIA                                     </t>
  </si>
  <si>
    <t xml:space="preserve">5080401223                    </t>
  </si>
  <si>
    <t xml:space="preserve">CITIBANK                                          </t>
  </si>
  <si>
    <t xml:space="preserve">JEEVAN BHARTI BUILDING                            </t>
  </si>
  <si>
    <t xml:space="preserve">sameergarg.iiit@gmail.com                                             </t>
  </si>
  <si>
    <t xml:space="preserve">AIGPG3222Q                    </t>
  </si>
  <si>
    <t>IN300142</t>
  </si>
  <si>
    <t xml:space="preserve">10481789  </t>
  </si>
  <si>
    <t xml:space="preserve">REETA KOHLI                                                                </t>
  </si>
  <si>
    <t xml:space="preserve">1301410             </t>
  </si>
  <si>
    <t xml:space="preserve">HOUSE NO 29                                       </t>
  </si>
  <si>
    <t xml:space="preserve">SECTOR 5                                          </t>
  </si>
  <si>
    <t xml:space="preserve">CHANDIGARH                                        </t>
  </si>
  <si>
    <t xml:space="preserve">125 012385 006                </t>
  </si>
  <si>
    <t xml:space="preserve">HSBC                                              </t>
  </si>
  <si>
    <t xml:space="preserve">SCO 1, SECTOR 9 D                                 </t>
  </si>
  <si>
    <t xml:space="preserve">MADHYA MARG                                       </t>
  </si>
  <si>
    <t xml:space="preserve">160039002           </t>
  </si>
  <si>
    <t xml:space="preserve">0172742993                              </t>
  </si>
  <si>
    <t xml:space="preserve">REETAKOHLI@YAHOO.COM                                                  </t>
  </si>
  <si>
    <t xml:space="preserve">ABEPK5210H                    </t>
  </si>
  <si>
    <t>IN301477</t>
  </si>
  <si>
    <t xml:space="preserve">20020456  </t>
  </si>
  <si>
    <t xml:space="preserve">GARIMA RASTOGI                                                             </t>
  </si>
  <si>
    <t xml:space="preserve">1301493             </t>
  </si>
  <si>
    <t xml:space="preserve">R-4/97,                                           </t>
  </si>
  <si>
    <t xml:space="preserve">RAJ NAGAR                                         </t>
  </si>
  <si>
    <t xml:space="preserve">GHAZIABAD                                         </t>
  </si>
  <si>
    <t xml:space="preserve">01190087566                   </t>
  </si>
  <si>
    <t xml:space="preserve">RAMTE RAM ROAD                                    </t>
  </si>
  <si>
    <t xml:space="preserve">110002224           </t>
  </si>
  <si>
    <t xml:space="preserve">2750194                                 </t>
  </si>
  <si>
    <t xml:space="preserve">AGZPR0636C                    </t>
  </si>
  <si>
    <t xml:space="preserve">11612401  </t>
  </si>
  <si>
    <t xml:space="preserve">SHAILJA SINGH RAJAWAT                                                      </t>
  </si>
  <si>
    <t xml:space="preserve">1301544             </t>
  </si>
  <si>
    <t xml:space="preserve">A 31 OPP ASSISI CONVENT SCHOOL                    </t>
  </si>
  <si>
    <t xml:space="preserve">SECTOR 33                                         </t>
  </si>
  <si>
    <t xml:space="preserve">NOIDA                                             </t>
  </si>
  <si>
    <t xml:space="preserve">016101009492                  </t>
  </si>
  <si>
    <t xml:space="preserve">ICICI BANK LIMITED                                </t>
  </si>
  <si>
    <t xml:space="preserve">SECTOR 12 BRANCH                                  </t>
  </si>
  <si>
    <t xml:space="preserve">SECTOR 12                                         </t>
  </si>
  <si>
    <t xml:space="preserve">110229128           </t>
  </si>
  <si>
    <t xml:space="preserve">shailjasrajawat@gmail.com                                             </t>
  </si>
  <si>
    <t xml:space="preserve">AJFPR4246P                    </t>
  </si>
  <si>
    <t xml:space="preserve">10076945  </t>
  </si>
  <si>
    <t xml:space="preserve">SUJAY KUMAR GUPTA                                                          </t>
  </si>
  <si>
    <t xml:space="preserve">1301649             </t>
  </si>
  <si>
    <t xml:space="preserve">113/119 A                                         </t>
  </si>
  <si>
    <t xml:space="preserve">SWAROOP NAGAR                                     </t>
  </si>
  <si>
    <t xml:space="preserve">KANPUR                                            </t>
  </si>
  <si>
    <t xml:space="preserve">57025000090                   </t>
  </si>
  <si>
    <t xml:space="preserve">STATE BANK OF TRAVANCORE                          </t>
  </si>
  <si>
    <t xml:space="preserve">208009002           </t>
  </si>
  <si>
    <t xml:space="preserve">3046937                                 </t>
  </si>
  <si>
    <t xml:space="preserve">AGOPG4272G                    </t>
  </si>
  <si>
    <t xml:space="preserve">11868234  </t>
  </si>
  <si>
    <t xml:space="preserve">OMPAL SINGH                                                                </t>
  </si>
  <si>
    <t xml:space="preserve">1301882             </t>
  </si>
  <si>
    <t xml:space="preserve">DHARAMPUR 15 VISHVA                               </t>
  </si>
  <si>
    <t xml:space="preserve">DISTT HAPUR BHATIANA                              </t>
  </si>
  <si>
    <t xml:space="preserve">0537219300011                 </t>
  </si>
  <si>
    <t xml:space="preserve">BULANDSHAHAR ROAD BRANCH                          </t>
  </si>
  <si>
    <t xml:space="preserve">HAPUR                                             </t>
  </si>
  <si>
    <t xml:space="preserve">245022002           </t>
  </si>
  <si>
    <t xml:space="preserve">ompalpreeti@gmail.com                                                 </t>
  </si>
  <si>
    <t xml:space="preserve">HOSPS2594C                    </t>
  </si>
  <si>
    <t xml:space="preserve">120292  </t>
  </si>
  <si>
    <t>0000066151</t>
  </si>
  <si>
    <t xml:space="preserve">SARITA AGRAWAL                                                             </t>
  </si>
  <si>
    <t xml:space="preserve">1302030             </t>
  </si>
  <si>
    <t xml:space="preserve">57, HATHROI FORT SCHEME                           </t>
  </si>
  <si>
    <t xml:space="preserve">SOMANI MARG                                       </t>
  </si>
  <si>
    <t xml:space="preserve">AJMER ROAD                                        </t>
  </si>
  <si>
    <t xml:space="preserve">JAIPUR RAJ.                                       </t>
  </si>
  <si>
    <t xml:space="preserve">61330291895                   </t>
  </si>
  <si>
    <t xml:space="preserve">GOPALBARI                                         </t>
  </si>
  <si>
    <t xml:space="preserve">JAIPUR                                            </t>
  </si>
  <si>
    <t xml:space="preserve">302003024           </t>
  </si>
  <si>
    <t xml:space="preserve">ankit57@gmail.com                                                     </t>
  </si>
  <si>
    <t xml:space="preserve">ABWPA2758A                    </t>
  </si>
  <si>
    <t>0000426908</t>
  </si>
  <si>
    <t xml:space="preserve">HIMANSHU PATNI                                                             </t>
  </si>
  <si>
    <t xml:space="preserve">1302106             </t>
  </si>
  <si>
    <t xml:space="preserve">6 40 SFS AGARWAL FARM                             </t>
  </si>
  <si>
    <t xml:space="preserve">MANSAROVAR                                        </t>
  </si>
  <si>
    <t xml:space="preserve">07032151011225                </t>
  </si>
  <si>
    <t xml:space="preserve">119/470, AGGARWAL FARM,                           </t>
  </si>
  <si>
    <t xml:space="preserve">MANSAROVER                                        </t>
  </si>
  <si>
    <t xml:space="preserve">302022007           </t>
  </si>
  <si>
    <t xml:space="preserve">9829828346                              </t>
  </si>
  <si>
    <t xml:space="preserve">renujpr11@gmail.com                                                   </t>
  </si>
  <si>
    <t xml:space="preserve">AZXPP0911H                    </t>
  </si>
  <si>
    <t>0005559659</t>
  </si>
  <si>
    <t xml:space="preserve">NISHA PUROHIT                                                              </t>
  </si>
  <si>
    <t xml:space="preserve">1302236             </t>
  </si>
  <si>
    <t xml:space="preserve">B-476 NEAR                                        </t>
  </si>
  <si>
    <t xml:space="preserve">JODHPUR RAJSTHAN                                  </t>
  </si>
  <si>
    <t xml:space="preserve">61051139438                   </t>
  </si>
  <si>
    <t xml:space="preserve">SOJATI GATE                                       </t>
  </si>
  <si>
    <t xml:space="preserve">342003009           </t>
  </si>
  <si>
    <t xml:space="preserve">9166629023                              </t>
  </si>
  <si>
    <t xml:space="preserve">nishaprht@yahoo.com                                                   </t>
  </si>
  <si>
    <t xml:space="preserve">ASXPP4429M                    </t>
  </si>
  <si>
    <t xml:space="preserve">17590882  </t>
  </si>
  <si>
    <t xml:space="preserve">MAHENDRA DHANJIBHAI KHAGRAM                                                </t>
  </si>
  <si>
    <t xml:space="preserve">1302288             </t>
  </si>
  <si>
    <t xml:space="preserve">306/307, PRISHRAM PLAZA                           </t>
  </si>
  <si>
    <t xml:space="preserve">MANGLA MAIN ROAD                                  </t>
  </si>
  <si>
    <t xml:space="preserve">RAJKOT                                            </t>
  </si>
  <si>
    <t xml:space="preserve">01011000107497                </t>
  </si>
  <si>
    <t xml:space="preserve">HDFC BANK LTD   RAJKOT BRANCH                     </t>
  </si>
  <si>
    <t xml:space="preserve">VENKATESH PLAZA                                   </t>
  </si>
  <si>
    <t xml:space="preserve">DR RADHAKRISHNAN ROAD                             </t>
  </si>
  <si>
    <t xml:space="preserve">NR KATHIAWADI GYMKHANA RAJKOT                     </t>
  </si>
  <si>
    <t xml:space="preserve">360240002           </t>
  </si>
  <si>
    <t xml:space="preserve">ASUPK3443M                    </t>
  </si>
  <si>
    <t>0012879364</t>
  </si>
  <si>
    <t xml:space="preserve">NEVILLE HOMI R SARKARI                                                     </t>
  </si>
  <si>
    <t xml:space="preserve">1303166             </t>
  </si>
  <si>
    <t xml:space="preserve">G-6 VALLABH BAUG AMY COTTAGE                      </t>
  </si>
  <si>
    <t xml:space="preserve">DIAGONALLY MUNGSUI                                </t>
  </si>
  <si>
    <t xml:space="preserve">COLLEGE ANTALIA NAVSARI                           </t>
  </si>
  <si>
    <t xml:space="preserve">NAVSARI GUJARAT                                   </t>
  </si>
  <si>
    <t xml:space="preserve">916010083303477               </t>
  </si>
  <si>
    <t xml:space="preserve">ADAJAN BRANCH                                     </t>
  </si>
  <si>
    <t xml:space="preserve">395211004           </t>
  </si>
  <si>
    <t xml:space="preserve">8976232627                              </t>
  </si>
  <si>
    <t xml:space="preserve">nsarkari@msn.com                                                      </t>
  </si>
  <si>
    <t xml:space="preserve">CELPS7187B                    </t>
  </si>
  <si>
    <t xml:space="preserve">10533402  </t>
  </si>
  <si>
    <t xml:space="preserve">FIRST OVERSEAS CAPITAL LTD                                                 </t>
  </si>
  <si>
    <t xml:space="preserve">1303198             </t>
  </si>
  <si>
    <t xml:space="preserve">BHUPEN CHAMBERS GROUND FLOOR                      </t>
  </si>
  <si>
    <t xml:space="preserve">UNIT 1,DALAL STREET                               </t>
  </si>
  <si>
    <t xml:space="preserve">FORT                                              </t>
  </si>
  <si>
    <t xml:space="preserve">0015728116                    </t>
  </si>
  <si>
    <t xml:space="preserve">CITIBANK NA                                       </t>
  </si>
  <si>
    <t xml:space="preserve">AIR INDIA BUILDING                                </t>
  </si>
  <si>
    <t xml:space="preserve">NARIMAN POINT                                     </t>
  </si>
  <si>
    <t xml:space="preserve">400037003           </t>
  </si>
  <si>
    <t xml:space="preserve">022-40509999                            </t>
  </si>
  <si>
    <t xml:space="preserve">022-40509900                            </t>
  </si>
  <si>
    <t xml:space="preserve">satyen@focl.in                                                        </t>
  </si>
  <si>
    <t xml:space="preserve">AAACL4737A                    </t>
  </si>
  <si>
    <t>IN300907</t>
  </si>
  <si>
    <t xml:space="preserve">10169952  </t>
  </si>
  <si>
    <t xml:space="preserve">HARSHA DHIREN SHAH                                                         </t>
  </si>
  <si>
    <t xml:space="preserve">1303229             </t>
  </si>
  <si>
    <t xml:space="preserve">165 LOHAR CHAWL,                                  </t>
  </si>
  <si>
    <t xml:space="preserve">3RD FLOOR,                                        </t>
  </si>
  <si>
    <t xml:space="preserve">MARAT NIVIAS,                                     </t>
  </si>
  <si>
    <t xml:space="preserve">006100100017466               </t>
  </si>
  <si>
    <t xml:space="preserve">THE KAPOL CO OP BANK LTD                          </t>
  </si>
  <si>
    <t xml:space="preserve">19 21 KAPOL BANK BLDG                             </t>
  </si>
  <si>
    <t xml:space="preserve">PICKET X ROAD                                     </t>
  </si>
  <si>
    <t xml:space="preserve">KALBADEVI                                         </t>
  </si>
  <si>
    <t xml:space="preserve">400076006           </t>
  </si>
  <si>
    <t>W002500565</t>
  </si>
  <si>
    <t xml:space="preserve">2082661/3400698                         </t>
  </si>
  <si>
    <t xml:space="preserve">3400698                                 </t>
  </si>
  <si>
    <t xml:space="preserve">AFZPS4358F                    </t>
  </si>
  <si>
    <t xml:space="preserve">120400  </t>
  </si>
  <si>
    <t>0000275843</t>
  </si>
  <si>
    <t xml:space="preserve">VAISHALI N MANJAVKAR                                                       </t>
  </si>
  <si>
    <t xml:space="preserve">1303401             </t>
  </si>
  <si>
    <t xml:space="preserve">B/4, SUVARN AMRUT SOC                             </t>
  </si>
  <si>
    <t xml:space="preserve">JAVJI DADAJI ROAD                                 </t>
  </si>
  <si>
    <t xml:space="preserve">TARDEO                                            </t>
  </si>
  <si>
    <t xml:space="preserve">MUMBAI MAHARASHTRA                                </t>
  </si>
  <si>
    <t xml:space="preserve">301000002206991               </t>
  </si>
  <si>
    <t xml:space="preserve">THE MUNICIPAL CO OP BANK LTD                      </t>
  </si>
  <si>
    <t xml:space="preserve">ANDHERI K/WEST MUNICIPAL OFFIC                    </t>
  </si>
  <si>
    <t xml:space="preserve">E BLDG PALIRAM MARG                               </t>
  </si>
  <si>
    <t xml:space="preserve">ANDHERI(WEST)                                     </t>
  </si>
  <si>
    <t xml:space="preserve">GREATER BOMBAY                                    </t>
  </si>
  <si>
    <t xml:space="preserve">400110013           </t>
  </si>
  <si>
    <t xml:space="preserve">9892282338                              </t>
  </si>
  <si>
    <t xml:space="preserve">ALEPP0772D                    </t>
  </si>
  <si>
    <t xml:space="preserve">10203852  </t>
  </si>
  <si>
    <t xml:space="preserve">JEMI BEHRAMJI JIJINA                                                       </t>
  </si>
  <si>
    <t xml:space="preserve">1303843             </t>
  </si>
  <si>
    <t xml:space="preserve">16/3 GANDHI MANSION, 1ST FLOOR,                   </t>
  </si>
  <si>
    <t xml:space="preserve">WADIA STREET, TARDEO,                             </t>
  </si>
  <si>
    <t xml:space="preserve">0052683009                    </t>
  </si>
  <si>
    <t xml:space="preserve">AIR INDIA BLDG                                    </t>
  </si>
  <si>
    <t xml:space="preserve">MADAM CAMA ROAD                                   </t>
  </si>
  <si>
    <t xml:space="preserve">ACRPJ2943C                    </t>
  </si>
  <si>
    <t>IN302437</t>
  </si>
  <si>
    <t xml:space="preserve">10155579  </t>
  </si>
  <si>
    <t xml:space="preserve">DEEPA  WADHWANI                                                            </t>
  </si>
  <si>
    <t xml:space="preserve">1303948             </t>
  </si>
  <si>
    <t xml:space="preserve">501,  PLUTO  APARTMENTS                           </t>
  </si>
  <si>
    <t xml:space="preserve">PERRY   ROAD                                      </t>
  </si>
  <si>
    <t xml:space="preserve">BANDRA                                            </t>
  </si>
  <si>
    <t xml:space="preserve">024702000002263               </t>
  </si>
  <si>
    <t xml:space="preserve">INDIAN OVERSEAS BANK                              </t>
  </si>
  <si>
    <t xml:space="preserve">SANTACRUZ BRANCH                                  </t>
  </si>
  <si>
    <t xml:space="preserve">400020019           </t>
  </si>
  <si>
    <t xml:space="preserve">26439133/25243971                       </t>
  </si>
  <si>
    <t xml:space="preserve">25223663                                </t>
  </si>
  <si>
    <t xml:space="preserve">AAEPW9331J                    </t>
  </si>
  <si>
    <t xml:space="preserve">10155587  </t>
  </si>
  <si>
    <t xml:space="preserve">SANJEEV WADHWANI                                                           </t>
  </si>
  <si>
    <t xml:space="preserve">1303949             </t>
  </si>
  <si>
    <t xml:space="preserve">501 ,PLUTO APARTMENT                              </t>
  </si>
  <si>
    <t xml:space="preserve">PERRY ROAD                                        </t>
  </si>
  <si>
    <t xml:space="preserve">AAAPW0927A                    </t>
  </si>
  <si>
    <t xml:space="preserve">11280880  </t>
  </si>
  <si>
    <t xml:space="preserve">ASHOK GIRDHARIDAS RAHEJA                                                   </t>
  </si>
  <si>
    <t xml:space="preserve">1304074             </t>
  </si>
  <si>
    <t xml:space="preserve">LA EMERADE                                        </t>
  </si>
  <si>
    <t xml:space="preserve">14 TH ROAD, KHAR (W)                              </t>
  </si>
  <si>
    <t xml:space="preserve">028010100119740               </t>
  </si>
  <si>
    <t xml:space="preserve">MANGAL MAHAL                                      </t>
  </si>
  <si>
    <t xml:space="preserve">TURNER ROAD                                       </t>
  </si>
  <si>
    <t xml:space="preserve">BANDRA WEST                                       </t>
  </si>
  <si>
    <t xml:space="preserve">400211007           </t>
  </si>
  <si>
    <t xml:space="preserve">26463738                                </t>
  </si>
  <si>
    <t xml:space="preserve">AAAPR 5880 P                  </t>
  </si>
  <si>
    <t>IN300183</t>
  </si>
  <si>
    <t xml:space="preserve">12421393  </t>
  </si>
  <si>
    <t xml:space="preserve">AJAY AMAR MUNOT                                                            </t>
  </si>
  <si>
    <t xml:space="preserve">1304283             </t>
  </si>
  <si>
    <t xml:space="preserve">101 KALPATARU SYNERGY                             </t>
  </si>
  <si>
    <t xml:space="preserve">OPP GRAND HYATT                                   </t>
  </si>
  <si>
    <t xml:space="preserve">SANTACRUZ (EAST)                                  </t>
  </si>
  <si>
    <t xml:space="preserve">000401015128                  </t>
  </si>
  <si>
    <t xml:space="preserve">215  FREE PRESS HOUSE                             </t>
  </si>
  <si>
    <t xml:space="preserve">400229002           </t>
  </si>
  <si>
    <t xml:space="preserve">AADPM9038K                    </t>
  </si>
  <si>
    <t>IN302902</t>
  </si>
  <si>
    <t xml:space="preserve">42372986  </t>
  </si>
  <si>
    <t xml:space="preserve">VEOILA REBECCA DSOUZA                                                      </t>
  </si>
  <si>
    <t xml:space="preserve">1304484             </t>
  </si>
  <si>
    <t xml:space="preserve">SHOPPERS STOP 211 D                               </t>
  </si>
  <si>
    <t xml:space="preserve">ANDHERI WEST                                      </t>
  </si>
  <si>
    <t xml:space="preserve">001101206997                  </t>
  </si>
  <si>
    <t xml:space="preserve">I C I C I BANK                                    </t>
  </si>
  <si>
    <t xml:space="preserve">SAGAR AVENUE  1ST FLOOR                           </t>
  </si>
  <si>
    <t xml:space="preserve">OPP  SHOPPERS STOP                                </t>
  </si>
  <si>
    <t xml:space="preserve">S V ROAD  ANDHERI (WEST)                          </t>
  </si>
  <si>
    <t xml:space="preserve">400229003           </t>
  </si>
  <si>
    <t xml:space="preserve">022 26238949                            </t>
  </si>
  <si>
    <t xml:space="preserve">AIDPD0901G                    </t>
  </si>
  <si>
    <t xml:space="preserve">19348519  </t>
  </si>
  <si>
    <t xml:space="preserve">ARUN SANIL                                                                 </t>
  </si>
  <si>
    <t xml:space="preserve">1304779             </t>
  </si>
  <si>
    <t xml:space="preserve">A 503 CASCADE 3 KULUPWADI BORIVALI E              </t>
  </si>
  <si>
    <t xml:space="preserve">AST NEAR TCS CO AND NATIONAL PARK                 </t>
  </si>
  <si>
    <t xml:space="preserve">5308614117                    </t>
  </si>
  <si>
    <t xml:space="preserve">CITI BANK N A                                     </t>
  </si>
  <si>
    <t xml:space="preserve">MUMBAI MUMBAI MAHARASHTRA                         </t>
  </si>
  <si>
    <t xml:space="preserve">400037002           </t>
  </si>
  <si>
    <t xml:space="preserve">arunsanil@gmail.com                                                   </t>
  </si>
  <si>
    <t xml:space="preserve">BUNPS7316B                    </t>
  </si>
  <si>
    <t xml:space="preserve">10370965  </t>
  </si>
  <si>
    <t xml:space="preserve">BARKHA RAMESH GAJRIA                                                       </t>
  </si>
  <si>
    <t xml:space="preserve">1304805             </t>
  </si>
  <si>
    <t xml:space="preserve">C-6 KANDIVALI SHOPPING CENTER                     </t>
  </si>
  <si>
    <t xml:space="preserve">DALVI CROSS ROAD                                  </t>
  </si>
  <si>
    <t xml:space="preserve">KANDIVALI                                         </t>
  </si>
  <si>
    <t xml:space="preserve">5424446116                    </t>
  </si>
  <si>
    <t xml:space="preserve">28055312                                </t>
  </si>
  <si>
    <t xml:space="preserve">barkharamesh@yahoo.com                                                </t>
  </si>
  <si>
    <t xml:space="preserve">AJZPG9995L                    </t>
  </si>
  <si>
    <t xml:space="preserve">11058073  </t>
  </si>
  <si>
    <t xml:space="preserve">HARESH KUMAR PARMAR                                                        </t>
  </si>
  <si>
    <t xml:space="preserve">1305073             </t>
  </si>
  <si>
    <t xml:space="preserve">PLOT NO 2 ACHARYA WADI                            </t>
  </si>
  <si>
    <t xml:space="preserve">WADAWLI VILLEGE                                   </t>
  </si>
  <si>
    <t xml:space="preserve">ROOM NO 104                                       </t>
  </si>
  <si>
    <t xml:space="preserve">551013127656                  </t>
  </si>
  <si>
    <t xml:space="preserve">CHEMBUR BRANCH                                    </t>
  </si>
  <si>
    <t xml:space="preserve">400027004           </t>
  </si>
  <si>
    <t xml:space="preserve">25514438 9869137931                     </t>
  </si>
  <si>
    <t xml:space="preserve">AQBPP3348K                    </t>
  </si>
  <si>
    <t xml:space="preserve">130124  </t>
  </si>
  <si>
    <t>0000089123</t>
  </si>
  <si>
    <t xml:space="preserve">SHILINI SALUNKHE                                                           </t>
  </si>
  <si>
    <t xml:space="preserve">1305277             </t>
  </si>
  <si>
    <t xml:space="preserve">B-2 HIMALAYA SOCIETY                              </t>
  </si>
  <si>
    <t xml:space="preserve">MILIND NAGAR ASALAFA                              </t>
  </si>
  <si>
    <t xml:space="preserve">GHATKOPAR WEST                                    </t>
  </si>
  <si>
    <t xml:space="preserve">00601000173219                </t>
  </si>
  <si>
    <t xml:space="preserve">GR FLR JEHANGIR BUILDING                          </t>
  </si>
  <si>
    <t xml:space="preserve">M G ROAD                                          </t>
  </si>
  <si>
    <t xml:space="preserve">FORT MUMBAI                                       </t>
  </si>
  <si>
    <t xml:space="preserve">400240015           </t>
  </si>
  <si>
    <t xml:space="preserve">40373339  </t>
  </si>
  <si>
    <t xml:space="preserve">SANDEEP VISHWANATH JADHAV                                                  </t>
  </si>
  <si>
    <t xml:space="preserve">1305360             </t>
  </si>
  <si>
    <t xml:space="preserve">17/1316                                           </t>
  </si>
  <si>
    <t xml:space="preserve">OLD MHB COLONY                                    </t>
  </si>
  <si>
    <t xml:space="preserve">GORAI ROAD BORIVLI WEST                           </t>
  </si>
  <si>
    <t xml:space="preserve">001801051244                  </t>
  </si>
  <si>
    <t xml:space="preserve">ABHILASHA 1                                       </t>
  </si>
  <si>
    <t xml:space="preserve">PUNJABI LANE                                      </t>
  </si>
  <si>
    <t xml:space="preserve">BORIVALI (W)                                      </t>
  </si>
  <si>
    <t xml:space="preserve">400229005           </t>
  </si>
  <si>
    <t xml:space="preserve">28688042                                </t>
  </si>
  <si>
    <t xml:space="preserve">sandeep_jadhav782002@yahoo.co.in                                      </t>
  </si>
  <si>
    <t xml:space="preserve">AAMPJ6722C                    </t>
  </si>
  <si>
    <t xml:space="preserve">120360  </t>
  </si>
  <si>
    <t>0000480017</t>
  </si>
  <si>
    <t xml:space="preserve">MERVYN SAVIO FURTADO                                                       </t>
  </si>
  <si>
    <t xml:space="preserve">1305396             </t>
  </si>
  <si>
    <t xml:space="preserve">304 GORAI TULSI CHSL                              </t>
  </si>
  <si>
    <t xml:space="preserve">GORAI 2 RSC 48                                    </t>
  </si>
  <si>
    <t xml:space="preserve">PLOT NO 84                                        </t>
  </si>
  <si>
    <t xml:space="preserve">246010100073893               </t>
  </si>
  <si>
    <t xml:space="preserve">A/G3 DELPI A WING                                 </t>
  </si>
  <si>
    <t xml:space="preserve">HIRANANDANI BUSINESS PARK                         </t>
  </si>
  <si>
    <t xml:space="preserve">POWAI                                             </t>
  </si>
  <si>
    <t xml:space="preserve">400211027           </t>
  </si>
  <si>
    <t xml:space="preserve">9820799633                              </t>
  </si>
  <si>
    <t xml:space="preserve">furtadomervyn@gmail.com                                               </t>
  </si>
  <si>
    <t xml:space="preserve">AAHPF5209P                    </t>
  </si>
  <si>
    <t>IN300239</t>
  </si>
  <si>
    <t xml:space="preserve">50018822  </t>
  </si>
  <si>
    <t xml:space="preserve">MIHIR JITENDRAKUMAR SHAH                                                   </t>
  </si>
  <si>
    <t xml:space="preserve">1305426             </t>
  </si>
  <si>
    <t xml:space="preserve">C/11, PUSHPA PARK,                                </t>
  </si>
  <si>
    <t xml:space="preserve">NEAR KORA KENDRA,                                 </t>
  </si>
  <si>
    <t xml:space="preserve">S.V. ROAD, BORIVLI(W),                            </t>
  </si>
  <si>
    <t xml:space="preserve">MUMBAI.                                           </t>
  </si>
  <si>
    <t xml:space="preserve">67017594769                   </t>
  </si>
  <si>
    <t xml:space="preserve">A1 OM SADAN SV ROAD                               </t>
  </si>
  <si>
    <t xml:space="preserve">BORIVILLI WEST                                    </t>
  </si>
  <si>
    <t xml:space="preserve">400002525           </t>
  </si>
  <si>
    <t xml:space="preserve">8995954                                 </t>
  </si>
  <si>
    <t xml:space="preserve">BV                                      </t>
  </si>
  <si>
    <t xml:space="preserve">mihirshah000@gmail.com                                                </t>
  </si>
  <si>
    <t xml:space="preserve">AUNPS7067G                    </t>
  </si>
  <si>
    <t xml:space="preserve">43554218  </t>
  </si>
  <si>
    <t xml:space="preserve">SAMIR KASAMALI MOMIN                                                       </t>
  </si>
  <si>
    <t xml:space="preserve">1305667             </t>
  </si>
  <si>
    <t xml:space="preserve">A/10/303 VAISHALI NAGAR                           </t>
  </si>
  <si>
    <t xml:space="preserve">S R ROAD                                          </t>
  </si>
  <si>
    <t xml:space="preserve">JOGESHWARI WEST                                   </t>
  </si>
  <si>
    <t xml:space="preserve">03221000015743                </t>
  </si>
  <si>
    <t xml:space="preserve">HDFC BANK LTD GOREGAON W                          </t>
  </si>
  <si>
    <t xml:space="preserve">EVERSHINE ANGAN BLDG NO 4                         </t>
  </si>
  <si>
    <t xml:space="preserve">S V ROAD JAWAHAR NAGAR                            </t>
  </si>
  <si>
    <t xml:space="preserve">GOREGAON WEST                                     </t>
  </si>
  <si>
    <t xml:space="preserve">400240045           </t>
  </si>
  <si>
    <t xml:space="preserve">26785819 34359551                       </t>
  </si>
  <si>
    <t>IN302679</t>
  </si>
  <si>
    <t xml:space="preserve">32391008  </t>
  </si>
  <si>
    <t xml:space="preserve">MRITHYUNJAY VIRUPAXAYYA AMBLIMATH                                          </t>
  </si>
  <si>
    <t xml:space="preserve">1305843             </t>
  </si>
  <si>
    <t xml:space="preserve">304, KORES TOWER, REKHA                           </t>
  </si>
  <si>
    <t xml:space="preserve">VARTHAK NAGAR, POKHARAN ROAD-1                    </t>
  </si>
  <si>
    <t xml:space="preserve">THANE (W)                                         </t>
  </si>
  <si>
    <t xml:space="preserve">003501062665                  </t>
  </si>
  <si>
    <t xml:space="preserve">PALM COURT                                        </t>
  </si>
  <si>
    <t xml:space="preserve">RAM MARUTI ROAD                                   </t>
  </si>
  <si>
    <t xml:space="preserve">NAUPADA  THANE (W)                                </t>
  </si>
  <si>
    <t xml:space="preserve">THANE                                             </t>
  </si>
  <si>
    <t xml:space="preserve">400229011           </t>
  </si>
  <si>
    <t xml:space="preserve">02225886030                             </t>
  </si>
  <si>
    <t xml:space="preserve">amblimath68@rediffmail.com                                            </t>
  </si>
  <si>
    <t xml:space="preserve">ABEPA0427C                    </t>
  </si>
  <si>
    <t xml:space="preserve">21863326  </t>
  </si>
  <si>
    <t xml:space="preserve">BHUSHAN V BORDEKAR                                                         </t>
  </si>
  <si>
    <t xml:space="preserve">1306695             </t>
  </si>
  <si>
    <t xml:space="preserve">HOUSE NO 69/1  BAILPAR WADA                       </t>
  </si>
  <si>
    <t xml:space="preserve">CASARWARNEM                                       </t>
  </si>
  <si>
    <t xml:space="preserve">PERNEM                                            </t>
  </si>
  <si>
    <t xml:space="preserve">002100000574931               </t>
  </si>
  <si>
    <t xml:space="preserve">THE MAPUSA URBAN COOP BANK OF GOA L               </t>
  </si>
  <si>
    <t xml:space="preserve">BARDEZ                                            </t>
  </si>
  <si>
    <t xml:space="preserve">GOA                                               </t>
  </si>
  <si>
    <t xml:space="preserve">403418003           </t>
  </si>
  <si>
    <t xml:space="preserve">bhushanbordekar@gmail.com                                             </t>
  </si>
  <si>
    <t xml:space="preserve">AORPB4311G                    </t>
  </si>
  <si>
    <t>IN306114</t>
  </si>
  <si>
    <t xml:space="preserve">10733603  </t>
  </si>
  <si>
    <t xml:space="preserve">RASHMI VAJPAYEE                                                            </t>
  </si>
  <si>
    <t xml:space="preserve">1306744             </t>
  </si>
  <si>
    <t xml:space="preserve">FLAT NO 304 GANDHAR CHS PLOT                      </t>
  </si>
  <si>
    <t xml:space="preserve">NO 196 SECTOR 21 KAMOTHE PANVEL                   </t>
  </si>
  <si>
    <t xml:space="preserve">37171828333                   </t>
  </si>
  <si>
    <t xml:space="preserve">KAMOTHE                                           </t>
  </si>
  <si>
    <t xml:space="preserve">400009019           </t>
  </si>
  <si>
    <t xml:space="preserve">8707463839                              </t>
  </si>
  <si>
    <t xml:space="preserve">pradeepkd007@hotmail.com                                              </t>
  </si>
  <si>
    <t xml:space="preserve">APWPV5990B                    </t>
  </si>
  <si>
    <t xml:space="preserve">10568819  </t>
  </si>
  <si>
    <t xml:space="preserve">ISHWAR MADAV POKALE                                                        </t>
  </si>
  <si>
    <t xml:space="preserve">1307145             </t>
  </si>
  <si>
    <t xml:space="preserve">DHAIRY GOAN                                       </t>
  </si>
  <si>
    <t xml:space="preserve">HAVELI TALUK                                      </t>
  </si>
  <si>
    <t xml:space="preserve">ZILLA                                             </t>
  </si>
  <si>
    <t xml:space="preserve">PUNE                                              </t>
  </si>
  <si>
    <t xml:space="preserve">0080501055                    </t>
  </si>
  <si>
    <t xml:space="preserve">COSMOS BANK                                       </t>
  </si>
  <si>
    <t xml:space="preserve">DHANKAWADI                                        </t>
  </si>
  <si>
    <t xml:space="preserve">411164011           </t>
  </si>
  <si>
    <t>W002500566</t>
  </si>
  <si>
    <t xml:space="preserve">020-24391398                            </t>
  </si>
  <si>
    <t xml:space="preserve">ABCPP8332K                    </t>
  </si>
  <si>
    <t>0004555405</t>
  </si>
  <si>
    <t xml:space="preserve">SANTOSH YADAVRAO TUPDIKAR                                                  </t>
  </si>
  <si>
    <t xml:space="preserve">1307282             </t>
  </si>
  <si>
    <t xml:space="preserve">BANGLA NO 15 AMBEJOGAI                            </t>
  </si>
  <si>
    <t xml:space="preserve">ROAD AJINKYA CITY LATUR                           </t>
  </si>
  <si>
    <t xml:space="preserve">Latur MAHARASHTRA                                 </t>
  </si>
  <si>
    <t xml:space="preserve">5190100039783                 </t>
  </si>
  <si>
    <t xml:space="preserve">SABDE TOWERS                                      </t>
  </si>
  <si>
    <t xml:space="preserve">C.T.S. NO.9906                                    </t>
  </si>
  <si>
    <t xml:space="preserve">AUSA ROAD                                         </t>
  </si>
  <si>
    <t xml:space="preserve">LATUR                                             </t>
  </si>
  <si>
    <t xml:space="preserve">413211004           </t>
  </si>
  <si>
    <t xml:space="preserve">9823069378                              </t>
  </si>
  <si>
    <t xml:space="preserve">SANTOSH_TUPDIKAR@YAHOO.CO.IN                                          </t>
  </si>
  <si>
    <t xml:space="preserve">AGGPT2048B                    </t>
  </si>
  <si>
    <t>IN303028</t>
  </si>
  <si>
    <t xml:space="preserve">53872755  </t>
  </si>
  <si>
    <t xml:space="preserve">SURYAKANT BABURAO ITKAR                                                    </t>
  </si>
  <si>
    <t xml:space="preserve">1307283             </t>
  </si>
  <si>
    <t xml:space="preserve">OLD CLOTH LINE                                    </t>
  </si>
  <si>
    <t xml:space="preserve">NEAR BHANDI GALLI                                 </t>
  </si>
  <si>
    <t xml:space="preserve">034101507506                  </t>
  </si>
  <si>
    <t xml:space="preserve">HOTEL VYANKATESHA                                 </t>
  </si>
  <si>
    <t xml:space="preserve">413229052           </t>
  </si>
  <si>
    <t xml:space="preserve">02382245363                             </t>
  </si>
  <si>
    <t xml:space="preserve">to.shon@gmail.com                                                     </t>
  </si>
  <si>
    <t xml:space="preserve">AABPI0203N                    </t>
  </si>
  <si>
    <t>0004582283</t>
  </si>
  <si>
    <t xml:space="preserve">SAYALI ANIL KULKARNI                                                       </t>
  </si>
  <si>
    <t xml:space="preserve">1307368             </t>
  </si>
  <si>
    <t xml:space="preserve">11 NAVKRISHNAKUNJ VITTHAL                         </t>
  </si>
  <si>
    <t xml:space="preserve">MANDIR ROAD SHASTRI HALL                          </t>
  </si>
  <si>
    <t xml:space="preserve">DOMBIVLI -E                                       </t>
  </si>
  <si>
    <t xml:space="preserve">DOMBIVLI MAHARASHTRA                              </t>
  </si>
  <si>
    <t xml:space="preserve">105403130000048               </t>
  </si>
  <si>
    <t xml:space="preserve">THE SHAMRAO VITHAL CO OP BANK LTD                 </t>
  </si>
  <si>
    <t xml:space="preserve">GROUND FLOOR,SHOP NO 3B                           </t>
  </si>
  <si>
    <t xml:space="preserve">NIRAJ PARK                                        </t>
  </si>
  <si>
    <t xml:space="preserve">KHADAKPADA                                        </t>
  </si>
  <si>
    <t xml:space="preserve">KALYAN                                            </t>
  </si>
  <si>
    <t xml:space="preserve">400089051           </t>
  </si>
  <si>
    <t xml:space="preserve">9819451210                              </t>
  </si>
  <si>
    <t xml:space="preserve">SAYALI.AKULKARNI@GMAIL.COM                                            </t>
  </si>
  <si>
    <t xml:space="preserve">AZBPK7602E                    </t>
  </si>
  <si>
    <t xml:space="preserve">41020582  </t>
  </si>
  <si>
    <t xml:space="preserve">GULABCHAND JETHALAL SUMARIA                                                </t>
  </si>
  <si>
    <t xml:space="preserve">1307385             </t>
  </si>
  <si>
    <t xml:space="preserve">B/2 BHUSHAN CHS                                   </t>
  </si>
  <si>
    <t xml:space="preserve">V P ROAD PENDSE NAGAR                             </t>
  </si>
  <si>
    <t xml:space="preserve">DOMBIVILI   E                                     </t>
  </si>
  <si>
    <t xml:space="preserve">01751000012972                </t>
  </si>
  <si>
    <t xml:space="preserve">HDFC BANK   DOMBIVALI                             </t>
  </si>
  <si>
    <t xml:space="preserve">SHREEJI ARCADE                                    </t>
  </si>
  <si>
    <t xml:space="preserve">PHADKE ROAD                                       </t>
  </si>
  <si>
    <t xml:space="preserve">MADAN THAKRE CHOWK                                </t>
  </si>
  <si>
    <t xml:space="preserve">DOMBIVALI                                         </t>
  </si>
  <si>
    <t xml:space="preserve">400240032           </t>
  </si>
  <si>
    <t xml:space="preserve">95251 2431676                           </t>
  </si>
  <si>
    <t xml:space="preserve">jsumaria@mtnl.net.in                                                  </t>
  </si>
  <si>
    <t xml:space="preserve">ADRPS8714M                    </t>
  </si>
  <si>
    <t xml:space="preserve">120494  </t>
  </si>
  <si>
    <t>0000170987</t>
  </si>
  <si>
    <t xml:space="preserve">ADITYA GIRDHARILAL FALOR                                                   </t>
  </si>
  <si>
    <t xml:space="preserve">1307572             </t>
  </si>
  <si>
    <t xml:space="preserve">270 VATSALYA NAGAR                                </t>
  </si>
  <si>
    <t xml:space="preserve">HUDCO                                             </t>
  </si>
  <si>
    <t xml:space="preserve">NANDED                                            </t>
  </si>
  <si>
    <t xml:space="preserve">NANDED MAHARASHTRA                                </t>
  </si>
  <si>
    <t xml:space="preserve">65029943553                   </t>
  </si>
  <si>
    <t xml:space="preserve">STATE BANK OF PATIALA                             </t>
  </si>
  <si>
    <t xml:space="preserve">Nanded                                            </t>
  </si>
  <si>
    <t xml:space="preserve">431007101           </t>
  </si>
  <si>
    <t xml:space="preserve">9823332133                              </t>
  </si>
  <si>
    <t xml:space="preserve">adityafalor@gmail.com                                                 </t>
  </si>
  <si>
    <t xml:space="preserve">AAKPF4822F                    </t>
  </si>
  <si>
    <t>IN300159</t>
  </si>
  <si>
    <t xml:space="preserve">10330326  </t>
  </si>
  <si>
    <t xml:space="preserve">SUNIL MAHESHWARI                                                           </t>
  </si>
  <si>
    <t xml:space="preserve">1307677             </t>
  </si>
  <si>
    <t xml:space="preserve">22/1, KASERA BAZAR                                </t>
  </si>
  <si>
    <t xml:space="preserve">TA. SHAJAPUR                                      </t>
  </si>
  <si>
    <t xml:space="preserve">DIST. SHAJAPUR.                                   </t>
  </si>
  <si>
    <t xml:space="preserve">100001340355                  </t>
  </si>
  <si>
    <t xml:space="preserve">INDUSIND BANK LIMITED                             </t>
  </si>
  <si>
    <t xml:space="preserve">INDUSTRY HOUSE                                    </t>
  </si>
  <si>
    <t xml:space="preserve">15 AGRA BOMBAY ROAD                               </t>
  </si>
  <si>
    <t xml:space="preserve">OLD PALASIA                                       </t>
  </si>
  <si>
    <t xml:space="preserve">INDORE.                                           </t>
  </si>
  <si>
    <t xml:space="preserve">452234002           </t>
  </si>
  <si>
    <t xml:space="preserve">ANFPM2479M                    </t>
  </si>
  <si>
    <t xml:space="preserve">10582508  </t>
  </si>
  <si>
    <t xml:space="preserve">AJAY KHANDELWAL                                                            </t>
  </si>
  <si>
    <t xml:space="preserve">1307681             </t>
  </si>
  <si>
    <t xml:space="preserve">30 JANKI NAGAR ANNEX                              </t>
  </si>
  <si>
    <t xml:space="preserve">INDORE                                            </t>
  </si>
  <si>
    <t xml:space="preserve">043010100012467               </t>
  </si>
  <si>
    <t xml:space="preserve">KAMAL PALACE                                      </t>
  </si>
  <si>
    <t xml:space="preserve">1, YESHWANT COLONY,YESHWANT NIWAS RO              </t>
  </si>
  <si>
    <t xml:space="preserve">452211002           </t>
  </si>
  <si>
    <t xml:space="preserve">0731-460345                             </t>
  </si>
  <si>
    <t xml:space="preserve">AOSPK3651D                    </t>
  </si>
  <si>
    <t xml:space="preserve">90720560  </t>
  </si>
  <si>
    <t xml:space="preserve">VANGALA CHANDRA SHEKAR REDDY                                               </t>
  </si>
  <si>
    <t xml:space="preserve">1307960             </t>
  </si>
  <si>
    <t xml:space="preserve">PLOT NO A-135,                                    </t>
  </si>
  <si>
    <t xml:space="preserve">RAVINDRA NAGAR COLONY,                            </t>
  </si>
  <si>
    <t xml:space="preserve">HABSHIGUDA, HYDERABAD                             </t>
  </si>
  <si>
    <t xml:space="preserve">01090095135                   </t>
  </si>
  <si>
    <t xml:space="preserve">CHANDRAYANGUTTA,                                  </t>
  </si>
  <si>
    <t xml:space="preserve">500002012           </t>
  </si>
  <si>
    <t xml:space="preserve">4440162                                 </t>
  </si>
  <si>
    <t xml:space="preserve">AAVPV9651P                    </t>
  </si>
  <si>
    <t xml:space="preserve">42390029  </t>
  </si>
  <si>
    <t xml:space="preserve">KATTA JYOTHI DIWAKAR                                                       </t>
  </si>
  <si>
    <t xml:space="preserve">1307997             </t>
  </si>
  <si>
    <t xml:space="preserve">SHOPPERS STOP LTD                                 </t>
  </si>
  <si>
    <t xml:space="preserve">1 11 251/1                                        </t>
  </si>
  <si>
    <t xml:space="preserve">STREET NO 3 BEGUMPET                              </t>
  </si>
  <si>
    <t xml:space="preserve">000801007421                  </t>
  </si>
  <si>
    <t xml:space="preserve">6 2 1012 T G V MANSIONS                           </t>
  </si>
  <si>
    <t xml:space="preserve">OPP INSTITUTION OF ENGINEERS                      </t>
  </si>
  <si>
    <t xml:space="preserve">KHAIRATABAD                                       </t>
  </si>
  <si>
    <t xml:space="preserve">500229002           </t>
  </si>
  <si>
    <t xml:space="preserve">27074743                                </t>
  </si>
  <si>
    <t xml:space="preserve">jyothi_diwakar@yahoo.com                                              </t>
  </si>
  <si>
    <t xml:space="preserve">ASYPK6414C                    </t>
  </si>
  <si>
    <t xml:space="preserve">120333  </t>
  </si>
  <si>
    <t>0000245005</t>
  </si>
  <si>
    <t xml:space="preserve">G MANIKANDAN                                                               </t>
  </si>
  <si>
    <t xml:space="preserve">1308008             </t>
  </si>
  <si>
    <t xml:space="preserve">A BLOCK FLAT F2 HIL STAFF QUAR                    </t>
  </si>
  <si>
    <t xml:space="preserve">CZECH COLONY 3RD STREET                           </t>
  </si>
  <si>
    <t xml:space="preserve">SANATNAGAR                                        </t>
  </si>
  <si>
    <t xml:space="preserve">HYDERABAD ANDHRA PRADESH                          </t>
  </si>
  <si>
    <t xml:space="preserve">52205209914                   </t>
  </si>
  <si>
    <t xml:space="preserve">SANATNAGAR BRANCH                                 </t>
  </si>
  <si>
    <t xml:space="preserve">72-C-47A , SANATHNAGAR IND.                       </t>
  </si>
  <si>
    <t xml:space="preserve">ESTATE, RANGA REDDY                               </t>
  </si>
  <si>
    <t xml:space="preserve">500004054           </t>
  </si>
  <si>
    <t xml:space="preserve">9490160188                              </t>
  </si>
  <si>
    <t xml:space="preserve">GMANEE@GMAIL.COM                                                      </t>
  </si>
  <si>
    <t xml:space="preserve">ADEPM8008K                    </t>
  </si>
  <si>
    <t xml:space="preserve">13406101  </t>
  </si>
  <si>
    <t xml:space="preserve">S V S S JAGANNADHA VARMA                                                   </t>
  </si>
  <si>
    <t xml:space="preserve">1308144             </t>
  </si>
  <si>
    <t xml:space="preserve">NO 212 BLOCK III R V S                            </t>
  </si>
  <si>
    <t xml:space="preserve">BRINDAVANAM APTS BALAJI NAGAR                     </t>
  </si>
  <si>
    <t xml:space="preserve">MIYAPUR HYDERABAD ANDHRA PRADESH                  </t>
  </si>
  <si>
    <t xml:space="preserve">631201526678                  </t>
  </si>
  <si>
    <t xml:space="preserve">MIG 69 DHARMAREDDY COLONY                         </t>
  </si>
  <si>
    <t xml:space="preserve">OPP INTU K P H B COLONY KUKATPALLY                </t>
  </si>
  <si>
    <t xml:space="preserve">500229010           </t>
  </si>
  <si>
    <t xml:space="preserve">SRIJACONST@GMAIL.COM                                                  </t>
  </si>
  <si>
    <t xml:space="preserve">AUBPS9155K                    </t>
  </si>
  <si>
    <t xml:space="preserve">12881028  </t>
  </si>
  <si>
    <t xml:space="preserve">RATNA SURAPURAJU                                                           </t>
  </si>
  <si>
    <t xml:space="preserve">1308314             </t>
  </si>
  <si>
    <t xml:space="preserve">RACHAPALEM VI PO PUTTUR MANDAL                    </t>
  </si>
  <si>
    <t xml:space="preserve">CHITTOOR PUTTUR                                   </t>
  </si>
  <si>
    <t xml:space="preserve">ANDHRA PRADESH                                    </t>
  </si>
  <si>
    <t xml:space="preserve">60250152373                   </t>
  </si>
  <si>
    <t xml:space="preserve">8 AND 9 GANGADEESWARAR KOIL STREET                </t>
  </si>
  <si>
    <t xml:space="preserve">PURASAWALKAM                                      </t>
  </si>
  <si>
    <t xml:space="preserve">600229009           </t>
  </si>
  <si>
    <t xml:space="preserve">SURAPARAJURATNA@YAHOO.COM                                             </t>
  </si>
  <si>
    <t xml:space="preserve">ARZPS4702R                    </t>
  </si>
  <si>
    <t>IN300896</t>
  </si>
  <si>
    <t xml:space="preserve">10266603  </t>
  </si>
  <si>
    <t xml:space="preserve">RAMESH ROSHAN BORANA                                                       </t>
  </si>
  <si>
    <t xml:space="preserve">1308576             </t>
  </si>
  <si>
    <t xml:space="preserve">NO 5 2ND CROSS                                    </t>
  </si>
  <si>
    <t xml:space="preserve">MODEL COLONY                                      </t>
  </si>
  <si>
    <t xml:space="preserve">64084120030                   </t>
  </si>
  <si>
    <t xml:space="preserve">PERSONAL BANKING BRANCH                           </t>
  </si>
  <si>
    <t xml:space="preserve">MALLESWARAM                                       </t>
  </si>
  <si>
    <t xml:space="preserve">560006070           </t>
  </si>
  <si>
    <t xml:space="preserve">0802215963                              </t>
  </si>
  <si>
    <t xml:space="preserve">AASPC7136P                    </t>
  </si>
  <si>
    <t xml:space="preserve">13791481  </t>
  </si>
  <si>
    <t xml:space="preserve">SHEENA KANSAL                                                              </t>
  </si>
  <si>
    <t xml:space="preserve">1308671             </t>
  </si>
  <si>
    <t xml:space="preserve">FLAT NO G 07                                      </t>
  </si>
  <si>
    <t xml:space="preserve">PAVANI PRESTIGE APPTS                             </t>
  </si>
  <si>
    <t xml:space="preserve">KUNDALAHALLI GATE                                 </t>
  </si>
  <si>
    <t xml:space="preserve">5372914809                    </t>
  </si>
  <si>
    <t xml:space="preserve">560037002           </t>
  </si>
  <si>
    <t xml:space="preserve">SHEENA.KANSAL@GMAIL.COM                                               </t>
  </si>
  <si>
    <t xml:space="preserve">AVBPS1660G                    </t>
  </si>
  <si>
    <t xml:space="preserve">30653224  </t>
  </si>
  <si>
    <t xml:space="preserve">PERCYVAL ANTONY LAWRENCE RASQIUINHA                                        </t>
  </si>
  <si>
    <t xml:space="preserve">1309273             </t>
  </si>
  <si>
    <t xml:space="preserve">C/O MRS C SEQUEIRA ALVARES ROAD                   </t>
  </si>
  <si>
    <t xml:space="preserve">NEAR KADRI MARKET                                 </t>
  </si>
  <si>
    <t xml:space="preserve">MANGALORE                                         </t>
  </si>
  <si>
    <t xml:space="preserve">KARNATAKA                                         </t>
  </si>
  <si>
    <t xml:space="preserve">001401014569                  </t>
  </si>
  <si>
    <t xml:space="preserve">ICICI BANK                                        </t>
  </si>
  <si>
    <t xml:space="preserve">BHARATH BUILDING                                  </t>
  </si>
  <si>
    <t xml:space="preserve">1ST FLOOR                                         </t>
  </si>
  <si>
    <t xml:space="preserve">PANJE MANGESH RAO ROAD                            </t>
  </si>
  <si>
    <t xml:space="preserve">575229002           </t>
  </si>
  <si>
    <t xml:space="preserve">427692 216560                           </t>
  </si>
  <si>
    <t xml:space="preserve">palalras@hotmail.com                                                  </t>
  </si>
  <si>
    <t xml:space="preserve">AJSPR3250Q                    </t>
  </si>
  <si>
    <t>0000077893</t>
  </si>
  <si>
    <t xml:space="preserve">SANTOSHI RANI S TALLALLI                                                   </t>
  </si>
  <si>
    <t xml:space="preserve">1309373             </t>
  </si>
  <si>
    <t xml:space="preserve">NO-3-4-82,                                        </t>
  </si>
  <si>
    <t xml:space="preserve">OLD GUNJ ROAD,                                    </t>
  </si>
  <si>
    <t xml:space="preserve">SEDAM, GULBARGA DISTRICT                          </t>
  </si>
  <si>
    <t xml:space="preserve">GULBARGA KARNATAKA                                </t>
  </si>
  <si>
    <t xml:space="preserve">342010100059006               </t>
  </si>
  <si>
    <t xml:space="preserve">JAWALI COMPLEX                                    </t>
  </si>
  <si>
    <t xml:space="preserve">SUPER MARKET                                      </t>
  </si>
  <si>
    <t xml:space="preserve">GULBARGA                                          </t>
  </si>
  <si>
    <t xml:space="preserve">585211002           </t>
  </si>
  <si>
    <t xml:space="preserve">9740088923                              </t>
  </si>
  <si>
    <t xml:space="preserve">AEPPT5522D                    </t>
  </si>
  <si>
    <t xml:space="preserve">40193606  </t>
  </si>
  <si>
    <t xml:space="preserve">SHUNMUGAM S                                                                </t>
  </si>
  <si>
    <t xml:space="preserve">1309624             </t>
  </si>
  <si>
    <t xml:space="preserve">955,                                              </t>
  </si>
  <si>
    <t xml:space="preserve">POONAMALLEE HIGH ROAD                             </t>
  </si>
  <si>
    <t xml:space="preserve">603601044563                  </t>
  </si>
  <si>
    <t xml:space="preserve">20,EGMORE HIGH ROAD                               </t>
  </si>
  <si>
    <t xml:space="preserve">EGMORE                                            </t>
  </si>
  <si>
    <t xml:space="preserve">600229016           </t>
  </si>
  <si>
    <t xml:space="preserve">98402 12810                             </t>
  </si>
  <si>
    <t xml:space="preserve">CE                                      </t>
  </si>
  <si>
    <t xml:space="preserve">SHNN1964@GMAIL.COM                                                    </t>
  </si>
  <si>
    <t xml:space="preserve">ABCPS5415N                    </t>
  </si>
  <si>
    <t>IN301080</t>
  </si>
  <si>
    <t xml:space="preserve">22399784  </t>
  </si>
  <si>
    <t xml:space="preserve">SHEELA ANAND                                                               </t>
  </si>
  <si>
    <t xml:space="preserve">1309685             </t>
  </si>
  <si>
    <t xml:space="preserve">NO 120 / 1, G BLOCK                               </t>
  </si>
  <si>
    <t xml:space="preserve">9TH STREET                                        </t>
  </si>
  <si>
    <t xml:space="preserve">ANNANAGAR EAST                                    </t>
  </si>
  <si>
    <t xml:space="preserve">05171000005352                </t>
  </si>
  <si>
    <t xml:space="preserve">HDFC BANK                                         </t>
  </si>
  <si>
    <t xml:space="preserve">ANNANAGAR                                         </t>
  </si>
  <si>
    <t xml:space="preserve">1ST MAIN ROAD                                     </t>
  </si>
  <si>
    <t xml:space="preserve">26630704/26630534                       </t>
  </si>
  <si>
    <t xml:space="preserve">APFPS3098L                    </t>
  </si>
  <si>
    <t xml:space="preserve">42011230  </t>
  </si>
  <si>
    <t xml:space="preserve">K DINESH NAIR                                                              </t>
  </si>
  <si>
    <t xml:space="preserve">1309901             </t>
  </si>
  <si>
    <t xml:space="preserve">P 36/B                                            </t>
  </si>
  <si>
    <t xml:space="preserve">OFFICERS MARRIED QTRS                             </t>
  </si>
  <si>
    <t xml:space="preserve">5 BRD AIR FORCE SULUR                             </t>
  </si>
  <si>
    <t xml:space="preserve">COIMBATORE                                        </t>
  </si>
  <si>
    <t xml:space="preserve">001601018345                  </t>
  </si>
  <si>
    <t xml:space="preserve">Cheran  Plaza                                     </t>
  </si>
  <si>
    <t xml:space="preserve">1619  Trichy  Road                                </t>
  </si>
  <si>
    <t xml:space="preserve">Coimbatore                                        </t>
  </si>
  <si>
    <t xml:space="preserve">641229002           </t>
  </si>
  <si>
    <t xml:space="preserve">01722624128                             </t>
  </si>
  <si>
    <t xml:space="preserve">kdineshnair@yahoo.com                                                 </t>
  </si>
  <si>
    <t xml:space="preserve">AJOPK1993P                    </t>
  </si>
  <si>
    <t>IN303340</t>
  </si>
  <si>
    <t xml:space="preserve">10023726  </t>
  </si>
  <si>
    <t xml:space="preserve">SHARAFUDHEEN M P                                                           </t>
  </si>
  <si>
    <t xml:space="preserve">1309935             </t>
  </si>
  <si>
    <t xml:space="preserve">NO 349 (11/368)                                   </t>
  </si>
  <si>
    <t xml:space="preserve">MELEPOYIL                                         </t>
  </si>
  <si>
    <t xml:space="preserve">NO 6                                              </t>
  </si>
  <si>
    <t xml:space="preserve">KODUVALLY PANCHAYATH                              </t>
  </si>
  <si>
    <t xml:space="preserve">227010100185394               </t>
  </si>
  <si>
    <t xml:space="preserve">MALLESWARAM, BANGALORE (K T)                      </t>
  </si>
  <si>
    <t xml:space="preserve">NO 233, 2ND MAIN, SAMPIGE ROAD                    </t>
  </si>
  <si>
    <t xml:space="preserve">560211009           </t>
  </si>
  <si>
    <t xml:space="preserve">0495 2211154                            </t>
  </si>
  <si>
    <t xml:space="preserve">sharaf.mp@gmail.com                                                   </t>
  </si>
  <si>
    <t xml:space="preserve">BXMPS3159L                    </t>
  </si>
  <si>
    <t xml:space="preserve">41219126  </t>
  </si>
  <si>
    <t xml:space="preserve">AMIT SIVARAM                                                               </t>
  </si>
  <si>
    <t xml:space="preserve">1309963             </t>
  </si>
  <si>
    <t xml:space="preserve">DARSANA                                           </t>
  </si>
  <si>
    <t xml:space="preserve">TEMPLE ROAD                                       </t>
  </si>
  <si>
    <t xml:space="preserve">POOTHOLE                                          </t>
  </si>
  <si>
    <t xml:space="preserve">THRISSUR                                          </t>
  </si>
  <si>
    <t xml:space="preserve">67067315382                   </t>
  </si>
  <si>
    <t xml:space="preserve">THRISSUR ROUND SOUTH                              </t>
  </si>
  <si>
    <t xml:space="preserve">KURUPPAM ROAD                                     </t>
  </si>
  <si>
    <t xml:space="preserve">680009004           </t>
  </si>
  <si>
    <t xml:space="preserve">0487 2383719                            </t>
  </si>
  <si>
    <t xml:space="preserve">amit.sivaram@gmail.com                                                </t>
  </si>
  <si>
    <t xml:space="preserve">AJCPA3532E                    </t>
  </si>
  <si>
    <t xml:space="preserve">12483777  </t>
  </si>
  <si>
    <t xml:space="preserve">JACOB GEORGE                                                               </t>
  </si>
  <si>
    <t xml:space="preserve">1310019             </t>
  </si>
  <si>
    <t xml:space="preserve">C/O MARY KURIAKOSE M 10/3                         </t>
  </si>
  <si>
    <t xml:space="preserve">CHANGAMPUZHA NAGAR                                </t>
  </si>
  <si>
    <t xml:space="preserve">COCHIN                                            </t>
  </si>
  <si>
    <t xml:space="preserve">KERALA                                            </t>
  </si>
  <si>
    <t xml:space="preserve">20112375511                   </t>
  </si>
  <si>
    <t xml:space="preserve">ERNAKULAM SOUTH BRANCH                            </t>
  </si>
  <si>
    <t xml:space="preserve">S A ROAD                                          </t>
  </si>
  <si>
    <t xml:space="preserve">PANAMPILLY NAGAR                                  </t>
  </si>
  <si>
    <t xml:space="preserve">ERNAKULAM                                         </t>
  </si>
  <si>
    <t xml:space="preserve">682002002           </t>
  </si>
  <si>
    <t xml:space="preserve">JACOB.GINUGEORGE.GEORGE@GMAIL.COM                                     </t>
  </si>
  <si>
    <t xml:space="preserve">AKRPG2703K                    </t>
  </si>
  <si>
    <t>IN300327</t>
  </si>
  <si>
    <t xml:space="preserve">10202505  </t>
  </si>
  <si>
    <t xml:space="preserve">SATISH SHROFF                                                              </t>
  </si>
  <si>
    <t xml:space="preserve">1310233             </t>
  </si>
  <si>
    <t xml:space="preserve">C/O DINDAYAL SHROFF                               </t>
  </si>
  <si>
    <t xml:space="preserve">P-22, C.I.T.ROAD                                  </t>
  </si>
  <si>
    <t xml:space="preserve">SCHEME NO-55                                      </t>
  </si>
  <si>
    <t xml:space="preserve">CALCUTTA                                          </t>
  </si>
  <si>
    <t xml:space="preserve">15100101004315                </t>
  </si>
  <si>
    <t xml:space="preserve">CORPORATION BANK                                  </t>
  </si>
  <si>
    <t xml:space="preserve">CANNING STREET BRANCH                             </t>
  </si>
  <si>
    <t xml:space="preserve">KOLKATA                                           </t>
  </si>
  <si>
    <t xml:space="preserve">700017003           </t>
  </si>
  <si>
    <t xml:space="preserve">O)2350218/1047R)2444471                 </t>
  </si>
  <si>
    <t xml:space="preserve">ALOPS8608K                    </t>
  </si>
  <si>
    <t xml:space="preserve">20634112  </t>
  </si>
  <si>
    <t xml:space="preserve">SOUMENDU BOSE                                                              </t>
  </si>
  <si>
    <t xml:space="preserve">1310381             </t>
  </si>
  <si>
    <t xml:space="preserve">13/6 EAST SITHEE ROAD                             </t>
  </si>
  <si>
    <t xml:space="preserve">11 PALLY                                          </t>
  </si>
  <si>
    <t xml:space="preserve">DUM DUM                                           </t>
  </si>
  <si>
    <t xml:space="preserve">10150664410                   </t>
  </si>
  <si>
    <t xml:space="preserve">DUM DUM BRANCH                                    </t>
  </si>
  <si>
    <t xml:space="preserve">700002122           </t>
  </si>
  <si>
    <t xml:space="preserve">548 3303                                </t>
  </si>
  <si>
    <t xml:space="preserve">AIJPB3187C                    </t>
  </si>
  <si>
    <t xml:space="preserve">20768416  </t>
  </si>
  <si>
    <t xml:space="preserve">RATAN DHAR                                                                 </t>
  </si>
  <si>
    <t xml:space="preserve">1310688             </t>
  </si>
  <si>
    <t xml:space="preserve">104 MA SARADA ROAD                                </t>
  </si>
  <si>
    <t xml:space="preserve">PIONEER PARK                                      </t>
  </si>
  <si>
    <t xml:space="preserve">BARASAT                                           </t>
  </si>
  <si>
    <t xml:space="preserve">24 PGS NORTH                                      </t>
  </si>
  <si>
    <t xml:space="preserve">21010100002607                </t>
  </si>
  <si>
    <t xml:space="preserve">NABAPALLY BRANCH                                  </t>
  </si>
  <si>
    <t xml:space="preserve">700211005           </t>
  </si>
  <si>
    <t xml:space="preserve">25420503                                </t>
  </si>
  <si>
    <t xml:space="preserve">33038962  </t>
  </si>
  <si>
    <t xml:space="preserve">KIRANMOY  PANIGRAHI                                                        </t>
  </si>
  <si>
    <t xml:space="preserve">1310904             </t>
  </si>
  <si>
    <t xml:space="preserve">A/127                                             </t>
  </si>
  <si>
    <t xml:space="preserve">SAHLD NAGAR                                       </t>
  </si>
  <si>
    <t xml:space="preserve">KHUDRA                                            </t>
  </si>
  <si>
    <t xml:space="preserve">BHUBANESHWAR                                      </t>
  </si>
  <si>
    <t xml:space="preserve">006101505002                  </t>
  </si>
  <si>
    <t xml:space="preserve">Opp  Sriya Talkies                                </t>
  </si>
  <si>
    <t xml:space="preserve">c                                                 </t>
  </si>
  <si>
    <t xml:space="preserve">Opp Janpath                                       </t>
  </si>
  <si>
    <t xml:space="preserve">Bhubaneswar                                       </t>
  </si>
  <si>
    <t xml:space="preserve">751229002           </t>
  </si>
  <si>
    <t xml:space="preserve">2545060                                 </t>
  </si>
  <si>
    <t xml:space="preserve">ktranmoy01@mail.com                                                   </t>
  </si>
  <si>
    <t xml:space="preserve">28621438  </t>
  </si>
  <si>
    <t xml:space="preserve">RISHI RAJ DAS                                                              </t>
  </si>
  <si>
    <t xml:space="preserve">1310976             </t>
  </si>
  <si>
    <t xml:space="preserve">BIPIN BHAVAN                                      </t>
  </si>
  <si>
    <t xml:space="preserve">29 JOSOWANTO ROAD                                 </t>
  </si>
  <si>
    <t xml:space="preserve">PANBAZAR                                          </t>
  </si>
  <si>
    <t xml:space="preserve">GUWAHATI                                          </t>
  </si>
  <si>
    <t xml:space="preserve">2010230375                    </t>
  </si>
  <si>
    <t xml:space="preserve">HEM BARUA  ROAD                                   </t>
  </si>
  <si>
    <t xml:space="preserve">781027002           </t>
  </si>
  <si>
    <t xml:space="preserve">2544618                                 </t>
  </si>
  <si>
    <t xml:space="preserve">AHXPD5623N                    </t>
  </si>
  <si>
    <t>IN302105</t>
  </si>
  <si>
    <t xml:space="preserve">10027163  </t>
  </si>
  <si>
    <t xml:space="preserve">KRISHNA KUMAR MAHTO                                                        </t>
  </si>
  <si>
    <t xml:space="preserve">1311002             </t>
  </si>
  <si>
    <t xml:space="preserve">1, SHRIMAN APARTMENTS,                            </t>
  </si>
  <si>
    <t xml:space="preserve">KAMTA PATH,                                       </t>
  </si>
  <si>
    <t xml:space="preserve">EAST BORING CANAL ROAD,                           </t>
  </si>
  <si>
    <t xml:space="preserve">PATNA                                             </t>
  </si>
  <si>
    <t xml:space="preserve">10339058102                   </t>
  </si>
  <si>
    <t xml:space="preserve">SRI KRISHNA PURI,                                 </t>
  </si>
  <si>
    <t xml:space="preserve">800002043           </t>
  </si>
  <si>
    <t xml:space="preserve">(R)06122521433                          </t>
  </si>
  <si>
    <t xml:space="preserve">KKMAHTO1@GMAIL.COM                                                    </t>
  </si>
  <si>
    <t xml:space="preserve">AEGPM5304R                    </t>
  </si>
  <si>
    <t xml:space="preserve">13797548  </t>
  </si>
  <si>
    <t xml:space="preserve">NOWSHAD THOMMENVALAPPIL YAVOO                                              </t>
  </si>
  <si>
    <t xml:space="preserve">1311322             </t>
  </si>
  <si>
    <t>NFR</t>
  </si>
  <si>
    <t xml:space="preserve">ALLIED ENTERPRISES DIP                            </t>
  </si>
  <si>
    <t xml:space="preserve">P O BOX 30069                                     </t>
  </si>
  <si>
    <t xml:space="preserve">DUBAI                                             </t>
  </si>
  <si>
    <t xml:space="preserve">0334050000004104              </t>
  </si>
  <si>
    <t xml:space="preserve">THE SOUTH INDIAN BANK LTD                         </t>
  </si>
  <si>
    <t xml:space="preserve">VELLARAKKAD                                       </t>
  </si>
  <si>
    <t xml:space="preserve">680059054           </t>
  </si>
  <si>
    <t xml:space="preserve">00971504378304                          </t>
  </si>
  <si>
    <t xml:space="preserve">yavoon@yahoo.in                                                       </t>
  </si>
  <si>
    <t xml:space="preserve">AGCPN8927H                    </t>
  </si>
  <si>
    <t>IN300468</t>
  </si>
  <si>
    <t xml:space="preserve">10057340  </t>
  </si>
  <si>
    <t xml:space="preserve">DEVINDER KUMAR JAIN                                                        </t>
  </si>
  <si>
    <t xml:space="preserve">1311325             </t>
  </si>
  <si>
    <t xml:space="preserve">5/1855                                            </t>
  </si>
  <si>
    <t xml:space="preserve">GALI MATA WALI                                    </t>
  </si>
  <si>
    <t xml:space="preserve">CHANDNI CHOWK                                     </t>
  </si>
  <si>
    <t xml:space="preserve">601110100011458               </t>
  </si>
  <si>
    <t xml:space="preserve">BANK OF INDIA                                     </t>
  </si>
  <si>
    <t xml:space="preserve">110013033           </t>
  </si>
  <si>
    <t xml:space="preserve">JAINGEMS02@YAHOO.CO.IN                                                </t>
  </si>
  <si>
    <t xml:space="preserve">ADEPJ8862G                    </t>
  </si>
  <si>
    <t>IN300118</t>
  </si>
  <si>
    <t xml:space="preserve">10734127  </t>
  </si>
  <si>
    <t xml:space="preserve">FARZANA BEGUM                                                              </t>
  </si>
  <si>
    <t xml:space="preserve">1311327             </t>
  </si>
  <si>
    <t xml:space="preserve">BERIWALA BAGH                                     </t>
  </si>
  <si>
    <t xml:space="preserve">PUL BANGASH                                       </t>
  </si>
  <si>
    <t xml:space="preserve">16889                         </t>
  </si>
  <si>
    <t xml:space="preserve">_                                                 </t>
  </si>
  <si>
    <t xml:space="preserve">110002110           </t>
  </si>
  <si>
    <t xml:space="preserve">AFOPB5811M                    </t>
  </si>
  <si>
    <t xml:space="preserve">10734150  </t>
  </si>
  <si>
    <t xml:space="preserve">FAZAL AHMED                                                                </t>
  </si>
  <si>
    <t xml:space="preserve">1311328             </t>
  </si>
  <si>
    <t xml:space="preserve">16944                         </t>
  </si>
  <si>
    <t xml:space="preserve">AEBPA5886K                    </t>
  </si>
  <si>
    <t xml:space="preserve">13791489  </t>
  </si>
  <si>
    <t xml:space="preserve">SUMAN LATA                                                                 </t>
  </si>
  <si>
    <t xml:space="preserve">1311329             </t>
  </si>
  <si>
    <t xml:space="preserve">H NO 3654                                         </t>
  </si>
  <si>
    <t xml:space="preserve">CHOWK MONI GATE                                   </t>
  </si>
  <si>
    <t xml:space="preserve">BATNAL GALI                                       </t>
  </si>
  <si>
    <t xml:space="preserve">511                           </t>
  </si>
  <si>
    <t xml:space="preserve">MONI GATE                                         </t>
  </si>
  <si>
    <t xml:space="preserve">110016055           </t>
  </si>
  <si>
    <t xml:space="preserve">23960842                                </t>
  </si>
  <si>
    <t xml:space="preserve">BOYPS2725H                    </t>
  </si>
  <si>
    <t xml:space="preserve">14184548  </t>
  </si>
  <si>
    <t xml:space="preserve">SADIA KHATOON                                                              </t>
  </si>
  <si>
    <t xml:space="preserve">1311330             </t>
  </si>
  <si>
    <t xml:space="preserve">MOHALA KISHAN GANJ                                </t>
  </si>
  <si>
    <t xml:space="preserve">TELI WARA  AZAD MARKET                            </t>
  </si>
  <si>
    <t xml:space="preserve">26786                         </t>
  </si>
  <si>
    <t xml:space="preserve">110012006           </t>
  </si>
  <si>
    <t xml:space="preserve">ANXPS6265P                    </t>
  </si>
  <si>
    <t xml:space="preserve">15204863  </t>
  </si>
  <si>
    <t xml:space="preserve">1311336             </t>
  </si>
  <si>
    <t xml:space="preserve">BLOCK 10                                          </t>
  </si>
  <si>
    <t xml:space="preserve">Q NO 4 SECTOR-1                                   </t>
  </si>
  <si>
    <t xml:space="preserve">PUSHP VIHAR                                       </t>
  </si>
  <si>
    <t xml:space="preserve">11311                         </t>
  </si>
  <si>
    <t xml:space="preserve">SAKET                                             </t>
  </si>
  <si>
    <t xml:space="preserve">110013047           </t>
  </si>
  <si>
    <t xml:space="preserve">26569383                                </t>
  </si>
  <si>
    <t xml:space="preserve">AQHPK4209J                    </t>
  </si>
  <si>
    <t>IN300861</t>
  </si>
  <si>
    <t xml:space="preserve">10056249  </t>
  </si>
  <si>
    <t xml:space="preserve">Mr. AMAR JIT SINGH NANDA                                                   </t>
  </si>
  <si>
    <t xml:space="preserve">1311337             </t>
  </si>
  <si>
    <t xml:space="preserve">26/5 A                                            </t>
  </si>
  <si>
    <t xml:space="preserve">Double Storey                                     </t>
  </si>
  <si>
    <t xml:space="preserve">Ashok Nagar                                       </t>
  </si>
  <si>
    <t xml:space="preserve">New Delhi                                         </t>
  </si>
  <si>
    <t xml:space="preserve">10039                         </t>
  </si>
  <si>
    <t xml:space="preserve">Tilak Nagar                                       </t>
  </si>
  <si>
    <t xml:space="preserve">110013028           </t>
  </si>
  <si>
    <t xml:space="preserve">3721114                                 </t>
  </si>
  <si>
    <t xml:space="preserve">as_nanda@yahoo.com                                                    </t>
  </si>
  <si>
    <t xml:space="preserve">AABPN9613M                    </t>
  </si>
  <si>
    <t xml:space="preserve">10156585  </t>
  </si>
  <si>
    <t xml:space="preserve">Ashok Kumar Anand                                                          </t>
  </si>
  <si>
    <t xml:space="preserve">1311344             </t>
  </si>
  <si>
    <t xml:space="preserve">Sector B                                          </t>
  </si>
  <si>
    <t xml:space="preserve">Pocket I Vasant Kunj                              </t>
  </si>
  <si>
    <t xml:space="preserve">Delhi                                             </t>
  </si>
  <si>
    <t xml:space="preserve">1374                          </t>
  </si>
  <si>
    <t xml:space="preserve">Corporation Bank                                  </t>
  </si>
  <si>
    <t xml:space="preserve">328/29                                            </t>
  </si>
  <si>
    <t xml:space="preserve">Sector 18 SSI Branch                              </t>
  </si>
  <si>
    <t xml:space="preserve">Noida                                             </t>
  </si>
  <si>
    <t xml:space="preserve">110017023           </t>
  </si>
  <si>
    <t>W002500562</t>
  </si>
  <si>
    <t xml:space="preserve">ACZPA3943M                    </t>
  </si>
  <si>
    <t xml:space="preserve">10156593  </t>
  </si>
  <si>
    <t xml:space="preserve">Ashish Anand                                                               </t>
  </si>
  <si>
    <t xml:space="preserve">1311345             </t>
  </si>
  <si>
    <t xml:space="preserve">B 1  1713                                         </t>
  </si>
  <si>
    <t xml:space="preserve">Near Telephone Exchange                           </t>
  </si>
  <si>
    <t xml:space="preserve">Vasant Kunj                                       </t>
  </si>
  <si>
    <t xml:space="preserve">1373                          </t>
  </si>
  <si>
    <t xml:space="preserve">Sector 18                                         </t>
  </si>
  <si>
    <t xml:space="preserve">9811043218 2403361                      </t>
  </si>
  <si>
    <t xml:space="preserve">AAEPA5764F                    </t>
  </si>
  <si>
    <t xml:space="preserve">10156364  </t>
  </si>
  <si>
    <t xml:space="preserve">Rama Anand                                                                 </t>
  </si>
  <si>
    <t xml:space="preserve">1311357             </t>
  </si>
  <si>
    <t xml:space="preserve">G 194                                             </t>
  </si>
  <si>
    <t xml:space="preserve">Lane No 13 Western Avenue                         </t>
  </si>
  <si>
    <t xml:space="preserve">Sainik Farms                                      </t>
  </si>
  <si>
    <t xml:space="preserve">1517                          </t>
  </si>
  <si>
    <t xml:space="preserve">G 28 29                                           </t>
  </si>
  <si>
    <t xml:space="preserve">120300  </t>
  </si>
  <si>
    <t>0000047506</t>
  </si>
  <si>
    <t xml:space="preserve">J BASU CHOUDHURI                                                           </t>
  </si>
  <si>
    <t xml:space="preserve">1311371             </t>
  </si>
  <si>
    <t xml:space="preserve">C-275, SUSHANT LOK - I                            </t>
  </si>
  <si>
    <t xml:space="preserve">GURGAON HARYANA                                   </t>
  </si>
  <si>
    <t xml:space="preserve">2452                          </t>
  </si>
  <si>
    <t xml:space="preserve">DLF QUTAB ENCLAVE GURGAON                         </t>
  </si>
  <si>
    <t xml:space="preserve">110020035           </t>
  </si>
  <si>
    <t xml:space="preserve">AEPPC9640F                    </t>
  </si>
  <si>
    <t xml:space="preserve">20781920  </t>
  </si>
  <si>
    <t xml:space="preserve">RISHI KAPOOR                                                               </t>
  </si>
  <si>
    <t xml:space="preserve">1311390             </t>
  </si>
  <si>
    <t xml:space="preserve">HIG  36/4                                         </t>
  </si>
  <si>
    <t xml:space="preserve">KABIR  NAGAR                                      </t>
  </si>
  <si>
    <t xml:space="preserve">DURGAKUND                                         </t>
  </si>
  <si>
    <t xml:space="preserve">52232191009460                </t>
  </si>
  <si>
    <t xml:space="preserve">DHARAM SANGH SIKSH                                </t>
  </si>
  <si>
    <t xml:space="preserve">DAYAL TOWERS                                      </t>
  </si>
  <si>
    <t xml:space="preserve">221022006           </t>
  </si>
  <si>
    <t xml:space="preserve">05423256747                             </t>
  </si>
  <si>
    <t xml:space="preserve">rishikapoorvns5577@rediffmail.com                                     </t>
  </si>
  <si>
    <t xml:space="preserve">AKDPK9512A                    </t>
  </si>
  <si>
    <t>0005034861</t>
  </si>
  <si>
    <t xml:space="preserve">MONIKA KUMAR                                                               </t>
  </si>
  <si>
    <t xml:space="preserve">1311395             </t>
  </si>
  <si>
    <t xml:space="preserve">A-52 RAJENDRA NAGAR                               </t>
  </si>
  <si>
    <t xml:space="preserve">BAREILLY UTTAR PRADESH                            </t>
  </si>
  <si>
    <t xml:space="preserve">00603                         </t>
  </si>
  <si>
    <t xml:space="preserve">PUNJAB &amp; SIND BANK                                </t>
  </si>
  <si>
    <t xml:space="preserve">21 A MODEL TOWN BAREILLY-24312                    </t>
  </si>
  <si>
    <t xml:space="preserve">.         </t>
  </si>
  <si>
    <t xml:space="preserve">243023003           </t>
  </si>
  <si>
    <t xml:space="preserve">9837038878                              </t>
  </si>
  <si>
    <t xml:space="preserve">amit.kumaramit388@gmail.com                                           </t>
  </si>
  <si>
    <t xml:space="preserve">ANRPK4969N                    </t>
  </si>
  <si>
    <t>0000639293</t>
  </si>
  <si>
    <t xml:space="preserve">SHIVA . BHANDAWAT                                                          </t>
  </si>
  <si>
    <t xml:space="preserve">1311437             </t>
  </si>
  <si>
    <t xml:space="preserve">13 KIRTI NAGAR                                    </t>
  </si>
  <si>
    <t xml:space="preserve">NEW SANGANER ROAD                                 </t>
  </si>
  <si>
    <t xml:space="preserve">51010155158                   </t>
  </si>
  <si>
    <t xml:space="preserve">SHYAM NAGAR                                       </t>
  </si>
  <si>
    <t xml:space="preserve">302002134           </t>
  </si>
  <si>
    <t xml:space="preserve">9214466862                              </t>
  </si>
  <si>
    <t xml:space="preserve">sobhag.bhandavat@gmail.com                                            </t>
  </si>
  <si>
    <t xml:space="preserve">AEZPB9179A                    </t>
  </si>
  <si>
    <t xml:space="preserve">20006614  </t>
  </si>
  <si>
    <t xml:space="preserve">SANGEETA GUPTA                                                             </t>
  </si>
  <si>
    <t xml:space="preserve">1311438             </t>
  </si>
  <si>
    <t xml:space="preserve">C-2/124, CHITRAKOOT                               </t>
  </si>
  <si>
    <t xml:space="preserve">51084571658                   </t>
  </si>
  <si>
    <t xml:space="preserve">State Bank of India                               </t>
  </si>
  <si>
    <t xml:space="preserve">PRITHVIRAJ ROAD                                   </t>
  </si>
  <si>
    <t xml:space="preserve">302002115           </t>
  </si>
  <si>
    <t xml:space="preserve">01125894767                             </t>
  </si>
  <si>
    <t xml:space="preserve">sangeetacredit1@gmail.com                                             </t>
  </si>
  <si>
    <t xml:space="preserve">AIQPG9545C                    </t>
  </si>
  <si>
    <t>IN302700</t>
  </si>
  <si>
    <t xml:space="preserve">20106468  </t>
  </si>
  <si>
    <t xml:space="preserve">SANGITA AGARWAL                                                            </t>
  </si>
  <si>
    <t xml:space="preserve">1311440             </t>
  </si>
  <si>
    <t xml:space="preserve">KIRTI NAGAR                                       </t>
  </si>
  <si>
    <t xml:space="preserve">SODALA                                            </t>
  </si>
  <si>
    <t xml:space="preserve">5666                          </t>
  </si>
  <si>
    <t xml:space="preserve">HATWARA ROAD                                      </t>
  </si>
  <si>
    <t xml:space="preserve">302002015           </t>
  </si>
  <si>
    <t xml:space="preserve">2321563                                 </t>
  </si>
  <si>
    <t xml:space="preserve">AFBPA2009P                    </t>
  </si>
  <si>
    <t xml:space="preserve">120437  </t>
  </si>
  <si>
    <t>0000034546</t>
  </si>
  <si>
    <t xml:space="preserve">Rajeev Chouhan                                                             </t>
  </si>
  <si>
    <t xml:space="preserve">1311454             </t>
  </si>
  <si>
    <t xml:space="preserve">74 , Panna Niwas ,                                </t>
  </si>
  <si>
    <t xml:space="preserve">Girdhari Cot.                                     </t>
  </si>
  <si>
    <t xml:space="preserve">Jodhpur Rajasthan                                 </t>
  </si>
  <si>
    <t xml:space="preserve">3865                          </t>
  </si>
  <si>
    <t xml:space="preserve">JODHPUR BRANCH                                    </t>
  </si>
  <si>
    <t xml:space="preserve">342017002           </t>
  </si>
  <si>
    <t xml:space="preserve">ADJPC4435B                    </t>
  </si>
  <si>
    <t xml:space="preserve">120198  </t>
  </si>
  <si>
    <t>0000085539</t>
  </si>
  <si>
    <t xml:space="preserve">ATUL VALLABHBHAI HINGLAJIA                                                 </t>
  </si>
  <si>
    <t xml:space="preserve">1311456             </t>
  </si>
  <si>
    <t xml:space="preserve">75/302,RACE COURSE PARK,                          </t>
  </si>
  <si>
    <t xml:space="preserve">NR RAILWAY CROSSING,                              </t>
  </si>
  <si>
    <t xml:space="preserve">AIRPORT ROAD,                                     </t>
  </si>
  <si>
    <t xml:space="preserve">RAJKOT GUJARAT                                    </t>
  </si>
  <si>
    <t xml:space="preserve">220315561332                  </t>
  </si>
  <si>
    <t xml:space="preserve">TRIKON BAUG BRANCH                                </t>
  </si>
  <si>
    <t xml:space="preserve">P.B. NO.342, RGC COMPLEX                          </t>
  </si>
  <si>
    <t xml:space="preserve">360053001           </t>
  </si>
  <si>
    <t xml:space="preserve">9904325775                              </t>
  </si>
  <si>
    <t xml:space="preserve">ABYPH4384B                    </t>
  </si>
  <si>
    <t xml:space="preserve">21307328  </t>
  </si>
  <si>
    <t xml:space="preserve">ALOO SORABJI KATPITIA                                                      </t>
  </si>
  <si>
    <t xml:space="preserve">1311501             </t>
  </si>
  <si>
    <t xml:space="preserve">11 2508 MACHHLIPITH                               </t>
  </si>
  <si>
    <t xml:space="preserve">SHAHPORE                                          </t>
  </si>
  <si>
    <t xml:space="preserve">3551497875                    </t>
  </si>
  <si>
    <t xml:space="preserve">395016002           </t>
  </si>
  <si>
    <t xml:space="preserve">2433386                                 </t>
  </si>
  <si>
    <t xml:space="preserve">8758662902                              </t>
  </si>
  <si>
    <t xml:space="preserve">zarir_k@hotmail.com                                                   </t>
  </si>
  <si>
    <t xml:space="preserve">AFJPK0382H                    </t>
  </si>
  <si>
    <t>0006398554</t>
  </si>
  <si>
    <t xml:space="preserve">PATEL ANKIT NALINBHAI .                                                    </t>
  </si>
  <si>
    <t xml:space="preserve">1311503             </t>
  </si>
  <si>
    <t xml:space="preserve">F.NO-104, PANCHVATI APPT,                         </t>
  </si>
  <si>
    <t xml:space="preserve">B/H RAM CHOK,                                     </t>
  </si>
  <si>
    <t xml:space="preserve">GHOD DOD ROAD                                     </t>
  </si>
  <si>
    <t xml:space="preserve">SURAT GUJARAT                                     </t>
  </si>
  <si>
    <t xml:space="preserve">64146493390                   </t>
  </si>
  <si>
    <t xml:space="preserve">GEETHAPRABHA COMPLEX                              </t>
  </si>
  <si>
    <t xml:space="preserve">NR KHADIWALA SCHOOL                               </t>
  </si>
  <si>
    <t xml:space="preserve">RING ROAD                                         </t>
  </si>
  <si>
    <t xml:space="preserve">395002095           </t>
  </si>
  <si>
    <t xml:space="preserve">7874247327                              </t>
  </si>
  <si>
    <t xml:space="preserve">ANKITPATEL27@OUTLOOK.COM                                              </t>
  </si>
  <si>
    <t xml:space="preserve">AYQPP9472R                    </t>
  </si>
  <si>
    <t>0000083651</t>
  </si>
  <si>
    <t xml:space="preserve">DINESH GOPALDAS BHATIA                                                     </t>
  </si>
  <si>
    <t xml:space="preserve">1311508             </t>
  </si>
  <si>
    <t xml:space="preserve">50- BABU-GENU ROAD                                </t>
  </si>
  <si>
    <t xml:space="preserve">KALBADEVI, MORWADI,R.NO-3                         </t>
  </si>
  <si>
    <t xml:space="preserve">K.M. BHATIA NIVAS,3RD FLOOR                       </t>
  </si>
  <si>
    <t xml:space="preserve">77823                         </t>
  </si>
  <si>
    <t xml:space="preserve">PRINCESS STREET (PCS)                             </t>
  </si>
  <si>
    <t xml:space="preserve">400026007           </t>
  </si>
  <si>
    <t xml:space="preserve">9820086854                              </t>
  </si>
  <si>
    <t xml:space="preserve">NIRMAL_CHEMICAL@INDIATIMES.COM                                        </t>
  </si>
  <si>
    <t xml:space="preserve">AFGPB8932D                    </t>
  </si>
  <si>
    <t xml:space="preserve">120315  </t>
  </si>
  <si>
    <t>0000014081</t>
  </si>
  <si>
    <t xml:space="preserve">VASANTBHAI JAISUKHBHAI BAKHAI                                              </t>
  </si>
  <si>
    <t xml:space="preserve">1311511             </t>
  </si>
  <si>
    <t xml:space="preserve">ANAND MAHAL                                       </t>
  </si>
  <si>
    <t xml:space="preserve">1ST FLOOR,                                        </t>
  </si>
  <si>
    <t xml:space="preserve">26 BABULNATH ROAD                                 </t>
  </si>
  <si>
    <t xml:space="preserve">2130                          </t>
  </si>
  <si>
    <t xml:space="preserve">MUNSHI MARG (KMM)                                 </t>
  </si>
  <si>
    <t xml:space="preserve">400027015           </t>
  </si>
  <si>
    <t xml:space="preserve">9821137956                              </t>
  </si>
  <si>
    <t xml:space="preserve">sparkle_05in@rediffmail.co.in                                         </t>
  </si>
  <si>
    <t xml:space="preserve">AJAPB3800E                    </t>
  </si>
  <si>
    <t>IN300749</t>
  </si>
  <si>
    <t xml:space="preserve">10582187  </t>
  </si>
  <si>
    <t xml:space="preserve">RICHARD  AYRES  HEREDIA                                                    </t>
  </si>
  <si>
    <t xml:space="preserve">1311527             </t>
  </si>
  <si>
    <t xml:space="preserve">501  ANITA  APTS                                  </t>
  </si>
  <si>
    <t xml:space="preserve">C/486  PALI  RD                                   </t>
  </si>
  <si>
    <t xml:space="preserve">15577                         </t>
  </si>
  <si>
    <t xml:space="preserve">BANK  OF  INDIA                                   </t>
  </si>
  <si>
    <t xml:space="preserve">TERNER  RD BR                                     </t>
  </si>
  <si>
    <t xml:space="preserve">21/22 TURNER ROAD                                 </t>
  </si>
  <si>
    <t xml:space="preserve">BANDRA  (WEST)                                    </t>
  </si>
  <si>
    <t xml:space="preserve">400013053           </t>
  </si>
  <si>
    <t xml:space="preserve">26606806                                </t>
  </si>
  <si>
    <t xml:space="preserve">AHAPH 7531F                   </t>
  </si>
  <si>
    <t xml:space="preserve">130259  </t>
  </si>
  <si>
    <t>0000212309</t>
  </si>
  <si>
    <t xml:space="preserve">SUNITA MOHAN JAISINGHANI                                                   </t>
  </si>
  <si>
    <t xml:space="preserve">1311529             </t>
  </si>
  <si>
    <t xml:space="preserve">101 MANGAL DARSHAN                                </t>
  </si>
  <si>
    <t xml:space="preserve">Mumbai Maharashtra                                </t>
  </si>
  <si>
    <t xml:space="preserve">2489                          </t>
  </si>
  <si>
    <t xml:space="preserve">400026064           </t>
  </si>
  <si>
    <t xml:space="preserve">56905482                                </t>
  </si>
  <si>
    <t xml:space="preserve">ABEPJ1131C                    </t>
  </si>
  <si>
    <t>IN300360</t>
  </si>
  <si>
    <t xml:space="preserve">20779455  </t>
  </si>
  <si>
    <t xml:space="preserve">ANJALI SHIRISH GHURYE                                                      </t>
  </si>
  <si>
    <t xml:space="preserve">1311533             </t>
  </si>
  <si>
    <t xml:space="preserve">206 8 NANDADEEP                                   </t>
  </si>
  <si>
    <t xml:space="preserve">KHER NAGAR                                        </t>
  </si>
  <si>
    <t xml:space="preserve">BANDRA EAST                                       </t>
  </si>
  <si>
    <t xml:space="preserve">5451                          </t>
  </si>
  <si>
    <t xml:space="preserve">GANDHI NAGAR                                      </t>
  </si>
  <si>
    <t xml:space="preserve">400015007           </t>
  </si>
  <si>
    <t xml:space="preserve">6429587/6510536                         </t>
  </si>
  <si>
    <t xml:space="preserve">6441075                                 </t>
  </si>
  <si>
    <t xml:space="preserve">AADPG7539H                    </t>
  </si>
  <si>
    <t xml:space="preserve">33071913  </t>
  </si>
  <si>
    <t xml:space="preserve">MEENA MANUBHAI VYAS                                                        </t>
  </si>
  <si>
    <t xml:space="preserve">1311545             </t>
  </si>
  <si>
    <t xml:space="preserve">710  PARK SIDE III                                </t>
  </si>
  <si>
    <t xml:space="preserve">D WING K RAHEJA ESTATE                            </t>
  </si>
  <si>
    <t xml:space="preserve">KULUPWADI BORIVALI (EAST)                         </t>
  </si>
  <si>
    <t xml:space="preserve">4533                          </t>
  </si>
  <si>
    <t xml:space="preserve">UCO BANK                                          </t>
  </si>
  <si>
    <t xml:space="preserve">KULUPWADI                                         </t>
  </si>
  <si>
    <t xml:space="preserve">BORIVALI (EAST)                                   </t>
  </si>
  <si>
    <t xml:space="preserve">400028044           </t>
  </si>
  <si>
    <t xml:space="preserve">28460155                                </t>
  </si>
  <si>
    <t>0000619445</t>
  </si>
  <si>
    <t xml:space="preserve">MAKARAND MALHOTRA                                                          </t>
  </si>
  <si>
    <t xml:space="preserve">1311546             </t>
  </si>
  <si>
    <t xml:space="preserve">D 23 DREEMLAND CHS BABREKAR NA                    </t>
  </si>
  <si>
    <t xml:space="preserve">GANESH NAGAR                                      </t>
  </si>
  <si>
    <t xml:space="preserve">KANDIVALI W                                       </t>
  </si>
  <si>
    <t xml:space="preserve">55139621081                   </t>
  </si>
  <si>
    <t xml:space="preserve">LINK RD                                           </t>
  </si>
  <si>
    <t xml:space="preserve">MALAD WEST                                        </t>
  </si>
  <si>
    <t xml:space="preserve">400002492           </t>
  </si>
  <si>
    <t xml:space="preserve">9833391623                              </t>
  </si>
  <si>
    <t xml:space="preserve">MALHOTRA_MAKARANA@YAHOO.COM                                           </t>
  </si>
  <si>
    <t xml:space="preserve">ANGPM3695L                    </t>
  </si>
  <si>
    <t xml:space="preserve">120289  </t>
  </si>
  <si>
    <t>0001406203</t>
  </si>
  <si>
    <t xml:space="preserve">SHARDA GUNVANTLAL PATEL                                                    </t>
  </si>
  <si>
    <t xml:space="preserve">1311565             </t>
  </si>
  <si>
    <t xml:space="preserve">303 SITA NIWAS PAI NAGAR,                         </t>
  </si>
  <si>
    <t xml:space="preserve">S.V. ROAD,                                        </t>
  </si>
  <si>
    <t xml:space="preserve">BORIVALI WEST                                     </t>
  </si>
  <si>
    <t xml:space="preserve">51011094806                   </t>
  </si>
  <si>
    <t xml:space="preserve">SARDAR VALLABHBHAI PATEL RD                       </t>
  </si>
  <si>
    <t xml:space="preserve">P B NO 7737                                       </t>
  </si>
  <si>
    <t xml:space="preserve">GANJAWALA APPARTMENTS                             </t>
  </si>
  <si>
    <t xml:space="preserve">400002394           </t>
  </si>
  <si>
    <t xml:space="preserve">9323284109                              </t>
  </si>
  <si>
    <t xml:space="preserve">KISHANPATEL505@GMAIL.COM                                              </t>
  </si>
  <si>
    <t xml:space="preserve">AAGPP2906C                    </t>
  </si>
  <si>
    <t>IN302470</t>
  </si>
  <si>
    <t xml:space="preserve">40172759  </t>
  </si>
  <si>
    <t xml:space="preserve">VISHWA MOHAN KAPIL                                                         </t>
  </si>
  <si>
    <t xml:space="preserve">1311580             </t>
  </si>
  <si>
    <t xml:space="preserve">301 STATION VIEW SANPADA PLT 19                   </t>
  </si>
  <si>
    <t xml:space="preserve">SECTOR 30 VASHI                                   </t>
  </si>
  <si>
    <t xml:space="preserve">NAVI MUMBAI                                       </t>
  </si>
  <si>
    <t xml:space="preserve">NRE 8194                      </t>
  </si>
  <si>
    <t xml:space="preserve">VASHI BRANCH                                      </t>
  </si>
  <si>
    <t xml:space="preserve">VASHI                                             </t>
  </si>
  <si>
    <t xml:space="preserve">400018082           </t>
  </si>
  <si>
    <t xml:space="preserve">AUBPK9984C                    </t>
  </si>
  <si>
    <t xml:space="preserve">11141359  </t>
  </si>
  <si>
    <t xml:space="preserve">HARSHAD NARHARI DAVE                                                       </t>
  </si>
  <si>
    <t xml:space="preserve">1311586             </t>
  </si>
  <si>
    <t xml:space="preserve">FLAT NO 301, FLR 3RD,                             </t>
  </si>
  <si>
    <t xml:space="preserve">BLDG NO I 39,                                     </t>
  </si>
  <si>
    <t xml:space="preserve">POONAM SAGAR COMPLEX,                             </t>
  </si>
  <si>
    <t xml:space="preserve">00356                         </t>
  </si>
  <si>
    <t xml:space="preserve">MIRA ROAD EAST,                                   </t>
  </si>
  <si>
    <t xml:space="preserve">400016092           </t>
  </si>
  <si>
    <t xml:space="preserve">022 28115967                            </t>
  </si>
  <si>
    <t xml:space="preserve">hardik1dave@yahoo.co.in                                               </t>
  </si>
  <si>
    <t xml:space="preserve">ACXPD3135G                    </t>
  </si>
  <si>
    <t xml:space="preserve">30609220  </t>
  </si>
  <si>
    <t xml:space="preserve">SUNIL SUBHASH PATEL                                                        </t>
  </si>
  <si>
    <t xml:space="preserve">1311588             </t>
  </si>
  <si>
    <t xml:space="preserve">A 303 RAMBAUG CHS LTD RAMDEV PARK RO              </t>
  </si>
  <si>
    <t xml:space="preserve">AD NEAR RAMDEVPARK MIRA ROAD EAST MI              </t>
  </si>
  <si>
    <t xml:space="preserve">RA BHAYANDAR THANE                                </t>
  </si>
  <si>
    <t xml:space="preserve">MIRA ROAD MAHARASHTRA                             </t>
  </si>
  <si>
    <t xml:space="preserve">34001867527                   </t>
  </si>
  <si>
    <t xml:space="preserve">FLOOR OSWAL HOUSE OPP SHIVAR GARDENS              </t>
  </si>
  <si>
    <t xml:space="preserve">MIRA BHAYANDAR RD MIRA ROAD EAST TH               </t>
  </si>
  <si>
    <t xml:space="preserve">ANE                                               </t>
  </si>
  <si>
    <t xml:space="preserve">SUNIL.ATOZ@HOTMAIL.COM                                                </t>
  </si>
  <si>
    <t xml:space="preserve">BLTPP1492C                    </t>
  </si>
  <si>
    <t xml:space="preserve">120560  </t>
  </si>
  <si>
    <t>0000108091</t>
  </si>
  <si>
    <t xml:space="preserve">JAYESH V DUDHEDIA                                                          </t>
  </si>
  <si>
    <t xml:space="preserve">1311595             </t>
  </si>
  <si>
    <t xml:space="preserve">813-B,BHANDARKAR INSTITUTE RD,                    </t>
  </si>
  <si>
    <t xml:space="preserve">SHRADDHA APTS, FLAT NO-78,                        </t>
  </si>
  <si>
    <t xml:space="preserve">SHIVAJI NAGAR,                                    </t>
  </si>
  <si>
    <t xml:space="preserve">15066                         </t>
  </si>
  <si>
    <t xml:space="preserve">LAXMI ROAD                                        </t>
  </si>
  <si>
    <t xml:space="preserve">1069 SADASHIV  PETH                               </t>
  </si>
  <si>
    <t xml:space="preserve">RAMDOOT PUNE                                      </t>
  </si>
  <si>
    <t xml:space="preserve">411168002           </t>
  </si>
  <si>
    <t xml:space="preserve">9822088331                              </t>
  </si>
  <si>
    <t xml:space="preserve">ABDPD7187P                    </t>
  </si>
  <si>
    <t xml:space="preserve">10592605  </t>
  </si>
  <si>
    <t xml:space="preserve">GEORGE VARGHESE                                                            </t>
  </si>
  <si>
    <t xml:space="preserve">1311604             </t>
  </si>
  <si>
    <t xml:space="preserve">PANACHAMOOTIL HOUSE                               </t>
  </si>
  <si>
    <t xml:space="preserve">19/258 KHESE PARK                                 </t>
  </si>
  <si>
    <t xml:space="preserve">LOHAGAON                                          </t>
  </si>
  <si>
    <t xml:space="preserve">27216                         </t>
  </si>
  <si>
    <t xml:space="preserve">AIR FORCE STATION                                 </t>
  </si>
  <si>
    <t xml:space="preserve">411015011           </t>
  </si>
  <si>
    <t xml:space="preserve">6698221                                 </t>
  </si>
  <si>
    <t xml:space="preserve">ABDPV3563H                    </t>
  </si>
  <si>
    <t>0013605881</t>
  </si>
  <si>
    <t xml:space="preserve">ANKITA SUNILRAO JIRE                                                       </t>
  </si>
  <si>
    <t xml:space="preserve">1311613             </t>
  </si>
  <si>
    <t xml:space="preserve">MATOSHRI NEAR GAGAN VIHAR                         </t>
  </si>
  <si>
    <t xml:space="preserve">KALPANA NAGAR LATPUR                              </t>
  </si>
  <si>
    <t xml:space="preserve">LATUR Maharashtra                                 </t>
  </si>
  <si>
    <t xml:space="preserve">62401588176                   </t>
  </si>
  <si>
    <t xml:space="preserve">PLOT NO 10 11 HOTEL PADAM BLDG                    </t>
  </si>
  <si>
    <t xml:space="preserve">OPP MARKET YARD GATE NO 2                         </t>
  </si>
  <si>
    <t xml:space="preserve">MANTHALE NAGAR                                    </t>
  </si>
  <si>
    <t xml:space="preserve">413002060           </t>
  </si>
  <si>
    <t xml:space="preserve">9423777018                              </t>
  </si>
  <si>
    <t xml:space="preserve">AYKPJ8293Q                    </t>
  </si>
  <si>
    <t xml:space="preserve">15743925  </t>
  </si>
  <si>
    <t xml:space="preserve">ROHAN SAKHARAM MAHADIK                                                     </t>
  </si>
  <si>
    <t xml:space="preserve">1311630             </t>
  </si>
  <si>
    <t xml:space="preserve">C S NO 12147 SUGANDHA HOUSING                     </t>
  </si>
  <si>
    <t xml:space="preserve">SOCIETY 100 FUTI ROAD OPP SAI                     </t>
  </si>
  <si>
    <t xml:space="preserve">MANDIR SANAGLI                                    </t>
  </si>
  <si>
    <t xml:space="preserve">SANGLI                                            </t>
  </si>
  <si>
    <t xml:space="preserve">34227995836                   </t>
  </si>
  <si>
    <t xml:space="preserve">VISHRAM BAG                                       </t>
  </si>
  <si>
    <t xml:space="preserve">GANAPATI MANDIR ROAD                              </t>
  </si>
  <si>
    <t xml:space="preserve">416002159           </t>
  </si>
  <si>
    <t xml:space="preserve">rohansmahadik@gmail.com                                               </t>
  </si>
  <si>
    <t xml:space="preserve">COVPM2713K                    </t>
  </si>
  <si>
    <t xml:space="preserve">120113  </t>
  </si>
  <si>
    <t>0000166903</t>
  </si>
  <si>
    <t xml:space="preserve">KAMLESH MADHUKAR JADHAV                                                    </t>
  </si>
  <si>
    <t xml:space="preserve">1311637             </t>
  </si>
  <si>
    <t xml:space="preserve">ASHRAY BUNGLOW,                                   </t>
  </si>
  <si>
    <t xml:space="preserve">UDAY CO-OP HSG. SOC.,                             </t>
  </si>
  <si>
    <t xml:space="preserve">KULKARNI COLONY, SHARANPUR RD,                    </t>
  </si>
  <si>
    <t xml:space="preserve">NASIK MAHARASHTRA                                 </t>
  </si>
  <si>
    <t xml:space="preserve">4174                          </t>
  </si>
  <si>
    <t xml:space="preserve">CANADA CIRCLE BRANCH                              </t>
  </si>
  <si>
    <t xml:space="preserve">NASIK                                             </t>
  </si>
  <si>
    <t xml:space="preserve">422016003           </t>
  </si>
  <si>
    <t xml:space="preserve">9422752967                              </t>
  </si>
  <si>
    <t xml:space="preserve">jadhav_k_m@rediffmail.com                                             </t>
  </si>
  <si>
    <t xml:space="preserve">AGDPJ4005F                    </t>
  </si>
  <si>
    <t>0005095325</t>
  </si>
  <si>
    <t xml:space="preserve">AMIT ANILRAO DESHMUKH                                                      </t>
  </si>
  <si>
    <t xml:space="preserve">1311648             </t>
  </si>
  <si>
    <t xml:space="preserve">Pingle Nagar                                      </t>
  </si>
  <si>
    <t xml:space="preserve">Dhanora Road Bid Beed                             </t>
  </si>
  <si>
    <t xml:space="preserve">Bid MAHARASHTRA                                   </t>
  </si>
  <si>
    <t xml:space="preserve">62122119643                   </t>
  </si>
  <si>
    <t xml:space="preserve">WASANWADI BRANCH                                  </t>
  </si>
  <si>
    <t xml:space="preserve">BEED                                              </t>
  </si>
  <si>
    <t xml:space="preserve">431002534           </t>
  </si>
  <si>
    <t xml:space="preserve">7721004480                              </t>
  </si>
  <si>
    <t xml:space="preserve">AADESHMUKH007@GMAIL.COM                                               </t>
  </si>
  <si>
    <t xml:space="preserve">AWWPD0601Q                    </t>
  </si>
  <si>
    <t>0000417656</t>
  </si>
  <si>
    <t xml:space="preserve">ASHOK KUMAR PANDYA                                                         </t>
  </si>
  <si>
    <t xml:space="preserve">1311671             </t>
  </si>
  <si>
    <t xml:space="preserve">2 BAJAJ KHANA CHOWK                               </t>
  </si>
  <si>
    <t xml:space="preserve">C/O V N TRIVEDI &amp; CO                              </t>
  </si>
  <si>
    <t xml:space="preserve">INDORE MADHYA PRADESH                             </t>
  </si>
  <si>
    <t xml:space="preserve">16673                         </t>
  </si>
  <si>
    <t xml:space="preserve">SIYA GANJ (M T H COMPOUND)                        </t>
  </si>
  <si>
    <t xml:space="preserve">452016004           </t>
  </si>
  <si>
    <t xml:space="preserve">9826758969                              </t>
  </si>
  <si>
    <t xml:space="preserve">ACJPP3329E                    </t>
  </si>
  <si>
    <t>IN302734</t>
  </si>
  <si>
    <t xml:space="preserve">10003192  </t>
  </si>
  <si>
    <t xml:space="preserve">SUBBA REDDY NOOKALAPATI                                                    </t>
  </si>
  <si>
    <t xml:space="preserve">1311696             </t>
  </si>
  <si>
    <t xml:space="preserve">3-6-603                                           </t>
  </si>
  <si>
    <t xml:space="preserve">HIMAYAT NAGAR                                     </t>
  </si>
  <si>
    <t xml:space="preserve">52005839658                   </t>
  </si>
  <si>
    <t xml:space="preserve">HIGH COURT BRANCH                                 </t>
  </si>
  <si>
    <t xml:space="preserve">HIGH COURT OF AP BRANCH                           </t>
  </si>
  <si>
    <t xml:space="preserve">GHANSI BAZAR                                      </t>
  </si>
  <si>
    <t xml:space="preserve">500002389           </t>
  </si>
  <si>
    <t xml:space="preserve">04027637588                             </t>
  </si>
  <si>
    <t xml:space="preserve">AAXPN3252A                    </t>
  </si>
  <si>
    <t xml:space="preserve">10868368  </t>
  </si>
  <si>
    <t xml:space="preserve">M KOUSALYA                                                                 </t>
  </si>
  <si>
    <t xml:space="preserve">1311702             </t>
  </si>
  <si>
    <t xml:space="preserve">BLOCK 8                                           </t>
  </si>
  <si>
    <t xml:space="preserve">FLAT 4                                            </t>
  </si>
  <si>
    <t xml:space="preserve">VIJAYANAGAR COLONY                                </t>
  </si>
  <si>
    <t xml:space="preserve">10126                         </t>
  </si>
  <si>
    <t xml:space="preserve">MALLEPALLY BRANCH                                 </t>
  </si>
  <si>
    <t xml:space="preserve">500004035           </t>
  </si>
  <si>
    <t xml:space="preserve">AOCPM1182P                    </t>
  </si>
  <si>
    <t xml:space="preserve">130279  </t>
  </si>
  <si>
    <t>0000182903</t>
  </si>
  <si>
    <t xml:space="preserve">G SWAMINATHAN .                                                            </t>
  </si>
  <si>
    <t xml:space="preserve">1311704             </t>
  </si>
  <si>
    <t xml:space="preserve">H NO 1-15/1                                       </t>
  </si>
  <si>
    <t xml:space="preserve">KHANAPUR VILLAGE                                  </t>
  </si>
  <si>
    <t xml:space="preserve">RAJENDRANAGAR MANDAL                              </t>
  </si>
  <si>
    <t xml:space="preserve">RANGAREDDY TELANGANA                              </t>
  </si>
  <si>
    <t xml:space="preserve">069805400000002               </t>
  </si>
  <si>
    <t xml:space="preserve">Khanapur                                          </t>
  </si>
  <si>
    <t xml:space="preserve">R R Dist                                          </t>
  </si>
  <si>
    <t xml:space="preserve">Hyderabad                                         </t>
  </si>
  <si>
    <t xml:space="preserve">500059027           </t>
  </si>
  <si>
    <t xml:space="preserve">9603054123                              </t>
  </si>
  <si>
    <t xml:space="preserve">APPPG5505G                    </t>
  </si>
  <si>
    <t>0002002678</t>
  </si>
  <si>
    <t xml:space="preserve">RAVIKIRAN YALAMANCHILI                                                     </t>
  </si>
  <si>
    <t xml:space="preserve">1311728             </t>
  </si>
  <si>
    <t xml:space="preserve">74 24 46 H NO 6 KAMALAKARA                        </t>
  </si>
  <si>
    <t xml:space="preserve">NILAYAM KAKATIYA BAZAR                            </t>
  </si>
  <si>
    <t xml:space="preserve">VIJAYAWADA ANDHRA PRADESH                         </t>
  </si>
  <si>
    <t xml:space="preserve">32948374392                   </t>
  </si>
  <si>
    <t xml:space="preserve">ASHOK NAGAR                                       </t>
  </si>
  <si>
    <t xml:space="preserve">VIJAYAWADA                                        </t>
  </si>
  <si>
    <t xml:space="preserve">520002043           </t>
  </si>
  <si>
    <t xml:space="preserve">9989788231                              </t>
  </si>
  <si>
    <t xml:space="preserve">y_ravi_kiran@yahoo.co.in                                              </t>
  </si>
  <si>
    <t xml:space="preserve">AAVPY7876M                    </t>
  </si>
  <si>
    <t>0004740162</t>
  </si>
  <si>
    <t xml:space="preserve">UDAY KIRAN MALLAREDDY                                                      </t>
  </si>
  <si>
    <t xml:space="preserve">1311743             </t>
  </si>
  <si>
    <t xml:space="preserve">5 1 66 NARSIPURAM                                 </t>
  </si>
  <si>
    <t xml:space="preserve">PALASA KASHIBUGGA                                 </t>
  </si>
  <si>
    <t xml:space="preserve">SRIKAKULAM                                        </t>
  </si>
  <si>
    <t xml:space="preserve">TEKKALI ANDHRA PRADESH                            </t>
  </si>
  <si>
    <t xml:space="preserve">00000030273053537             </t>
  </si>
  <si>
    <t xml:space="preserve">PALASA                                            </t>
  </si>
  <si>
    <t xml:space="preserve">PURUSHOTTA PURAM STREET                           </t>
  </si>
  <si>
    <t xml:space="preserve">K. T. ROAD, P. B. NO.1,TEKKALI                    </t>
  </si>
  <si>
    <t xml:space="preserve">532002102           </t>
  </si>
  <si>
    <t xml:space="preserve">9908144739                              </t>
  </si>
  <si>
    <t xml:space="preserve">UDAYKIRAN21.12@GMAIL.COM                                              </t>
  </si>
  <si>
    <t xml:space="preserve">BMZPM4086Q                    </t>
  </si>
  <si>
    <t>IN301022</t>
  </si>
  <si>
    <t xml:space="preserve">10594199  </t>
  </si>
  <si>
    <t xml:space="preserve">D.SATYAVANI                                                                </t>
  </si>
  <si>
    <t xml:space="preserve">1311747             </t>
  </si>
  <si>
    <t xml:space="preserve">22B  6  8                                         </t>
  </si>
  <si>
    <t xml:space="preserve">KORRAPATI STREET                                  </t>
  </si>
  <si>
    <t xml:space="preserve">POWERPET                                          </t>
  </si>
  <si>
    <t xml:space="preserve">ELURU A.P.                                        </t>
  </si>
  <si>
    <t xml:space="preserve">143815500000605               </t>
  </si>
  <si>
    <t xml:space="preserve">THE KARUR VYSYA BANK LTD                          </t>
  </si>
  <si>
    <t xml:space="preserve">POWER PET                                         </t>
  </si>
  <si>
    <t xml:space="preserve">ELURU                                             </t>
  </si>
  <si>
    <t xml:space="preserve">534053002           </t>
  </si>
  <si>
    <t xml:space="preserve">(08812)30168/31168                      </t>
  </si>
  <si>
    <t xml:space="preserve">dvsubbaraoca@gmail.com                                                </t>
  </si>
  <si>
    <t xml:space="preserve">AECPD2187D                    </t>
  </si>
  <si>
    <t xml:space="preserve">26499813  </t>
  </si>
  <si>
    <t xml:space="preserve">CHAITANYA PRABHU K                                                         </t>
  </si>
  <si>
    <t xml:space="preserve">1311766             </t>
  </si>
  <si>
    <t xml:space="preserve">NO 38 UPSTAIRS                                    </t>
  </si>
  <si>
    <t xml:space="preserve">2ND MAIN ROAD                                     </t>
  </si>
  <si>
    <t xml:space="preserve">RAMMOHANPURAM                                     </t>
  </si>
  <si>
    <t xml:space="preserve">55324                         </t>
  </si>
  <si>
    <t xml:space="preserve">560024010           </t>
  </si>
  <si>
    <t xml:space="preserve">23322674                                </t>
  </si>
  <si>
    <t xml:space="preserve">AJLPP4095L                    </t>
  </si>
  <si>
    <t>IN301356</t>
  </si>
  <si>
    <t xml:space="preserve">20081787  </t>
  </si>
  <si>
    <t xml:space="preserve">REKHA KUAMRI                                                               </t>
  </si>
  <si>
    <t xml:space="preserve">1311777             </t>
  </si>
  <si>
    <t xml:space="preserve">NO 755/17                                         </t>
  </si>
  <si>
    <t xml:space="preserve">7TH MAIN                                          </t>
  </si>
  <si>
    <t xml:space="preserve">SRINAGAR                                          </t>
  </si>
  <si>
    <t xml:space="preserve">SB 442                        </t>
  </si>
  <si>
    <t xml:space="preserve">GIRINAGAR BRANCH                                  </t>
  </si>
  <si>
    <t xml:space="preserve">GIRINAGAR                                         </t>
  </si>
  <si>
    <t xml:space="preserve">560009007           </t>
  </si>
  <si>
    <t xml:space="preserve">ABMPR8707N                    </t>
  </si>
  <si>
    <t>IN302148</t>
  </si>
  <si>
    <t xml:space="preserve">10309827  </t>
  </si>
  <si>
    <t xml:space="preserve">B N SUKANYA                                                                </t>
  </si>
  <si>
    <t xml:space="preserve">1311781             </t>
  </si>
  <si>
    <t xml:space="preserve">LOGISTIC SEC                                      </t>
  </si>
  <si>
    <t xml:space="preserve">AIIR FORCE STATION                                </t>
  </si>
  <si>
    <t xml:space="preserve">YELAHANKA                                         </t>
  </si>
  <si>
    <t xml:space="preserve">14740                         </t>
  </si>
  <si>
    <t xml:space="preserve">560002010           </t>
  </si>
  <si>
    <t xml:space="preserve">08023541359                             </t>
  </si>
  <si>
    <t xml:space="preserve">AYOPS6661D                    </t>
  </si>
  <si>
    <t>0006556374</t>
  </si>
  <si>
    <t xml:space="preserve">LAKSHMI NARAYANAN                                                          </t>
  </si>
  <si>
    <t xml:space="preserve">1311785             </t>
  </si>
  <si>
    <t xml:space="preserve">F103 MARUTHI MAHAL APARTMENTS                     </t>
  </si>
  <si>
    <t xml:space="preserve">2ND CROSS NEW THIPPASANDRA                        </t>
  </si>
  <si>
    <t xml:space="preserve">BENGALURU KARNATAKA                               </t>
  </si>
  <si>
    <t xml:space="preserve">57004137790                   </t>
  </si>
  <si>
    <t xml:space="preserve">PBB INDRANAGAR                                    </t>
  </si>
  <si>
    <t xml:space="preserve">560002306           </t>
  </si>
  <si>
    <t xml:space="preserve">9035896170                              </t>
  </si>
  <si>
    <t xml:space="preserve">LAKSHMI.NN@REDIFFMAIL.COM                                             </t>
  </si>
  <si>
    <t xml:space="preserve">BDDPN9038C                    </t>
  </si>
  <si>
    <t>0001067933</t>
  </si>
  <si>
    <t xml:space="preserve">RAJASHRI .                                                                 </t>
  </si>
  <si>
    <t xml:space="preserve">1311790             </t>
  </si>
  <si>
    <t xml:space="preserve">NO 18 SHIVA KRUPA                                 </t>
  </si>
  <si>
    <t xml:space="preserve">I G CIRCLE SARAKKI                                </t>
  </si>
  <si>
    <t xml:space="preserve">J P NAGAR                                         </t>
  </si>
  <si>
    <t xml:space="preserve">00000020251110008             </t>
  </si>
  <si>
    <t xml:space="preserve">NO 1A SBI COL SARAKKI                             </t>
  </si>
  <si>
    <t xml:space="preserve">J P NAGAR 1ST PHASE                               </t>
  </si>
  <si>
    <t xml:space="preserve">KANAKAPURA ROAD                                   </t>
  </si>
  <si>
    <t xml:space="preserve">560002194           </t>
  </si>
  <si>
    <t xml:space="preserve">9845660416                              </t>
  </si>
  <si>
    <t xml:space="preserve">rajashri_r@rediffmail.com                                             </t>
  </si>
  <si>
    <t xml:space="preserve">AODPR5143Q                    </t>
  </si>
  <si>
    <t xml:space="preserve">10879407  </t>
  </si>
  <si>
    <t xml:space="preserve">RAMACHANDRAN A                                                             </t>
  </si>
  <si>
    <t xml:space="preserve">1311797             </t>
  </si>
  <si>
    <t xml:space="preserve">NO 16 1 ST MAIN                                   </t>
  </si>
  <si>
    <t xml:space="preserve">VHBCS LAYOUT                                      </t>
  </si>
  <si>
    <t xml:space="preserve">MAHALAKSHMIPURAM                                  </t>
  </si>
  <si>
    <t xml:space="preserve">18750                         </t>
  </si>
  <si>
    <t xml:space="preserve">ISRO BRANCH                                       </t>
  </si>
  <si>
    <t xml:space="preserve">ISAC AIRPORT ROAD                                 </t>
  </si>
  <si>
    <t xml:space="preserve">560002068           </t>
  </si>
  <si>
    <t xml:space="preserve">+91+080+23565556                        </t>
  </si>
  <si>
    <t xml:space="preserve">BM                                      </t>
  </si>
  <si>
    <t xml:space="preserve">ACAPR1479G                    </t>
  </si>
  <si>
    <t>0001927410</t>
  </si>
  <si>
    <t xml:space="preserve">BHANU PRAKASH KATTIRI                                                      </t>
  </si>
  <si>
    <t xml:space="preserve">1311814             </t>
  </si>
  <si>
    <t xml:space="preserve">JAYALAKSHMI COMPLEX NEAR                          </t>
  </si>
  <si>
    <t xml:space="preserve">RANGAPPA CIRCLE BHADRAVATHI                       </t>
  </si>
  <si>
    <t xml:space="preserve">SHIMOGA KARNATAKA                                 </t>
  </si>
  <si>
    <t xml:space="preserve">20109037803                   </t>
  </si>
  <si>
    <t xml:space="preserve">BHADRAVATI                                        </t>
  </si>
  <si>
    <t xml:space="preserve">577002207           </t>
  </si>
  <si>
    <t xml:space="preserve">9900182208                              </t>
  </si>
  <si>
    <t xml:space="preserve">prakash1001@gmail.com                                                 </t>
  </si>
  <si>
    <t xml:space="preserve">AZJPK0262G                    </t>
  </si>
  <si>
    <t>0001177869</t>
  </si>
  <si>
    <t xml:space="preserve">B P ADNUR                                                                  </t>
  </si>
  <si>
    <t xml:space="preserve">1311817             </t>
  </si>
  <si>
    <t xml:space="preserve">RTA APPL DEPUTY COMMISSIONER                      </t>
  </si>
  <si>
    <t xml:space="preserve">H NO 1046 WARD 35 SHANTINIKETA                    </t>
  </si>
  <si>
    <t xml:space="preserve">NEAR AIR STATION                                  </t>
  </si>
  <si>
    <t xml:space="preserve">HOSPET KARNATAKA                                  </t>
  </si>
  <si>
    <t xml:space="preserve">54039134337                   </t>
  </si>
  <si>
    <t xml:space="preserve">TALUK OFFICE RD, HOSPET                           </t>
  </si>
  <si>
    <t xml:space="preserve">BELLARY                                           </t>
  </si>
  <si>
    <t xml:space="preserve">583006202           </t>
  </si>
  <si>
    <t xml:space="preserve">9448452209                              </t>
  </si>
  <si>
    <t xml:space="preserve">BPADNUR@GMAIL.COM                                                     </t>
  </si>
  <si>
    <t xml:space="preserve">AGNPA5760E                    </t>
  </si>
  <si>
    <t xml:space="preserve">10522555  </t>
  </si>
  <si>
    <t xml:space="preserve">SHANKAR                                                                    </t>
  </si>
  <si>
    <t xml:space="preserve">1311826             </t>
  </si>
  <si>
    <t xml:space="preserve">OLD NO-132 NEW NO-7                               </t>
  </si>
  <si>
    <t xml:space="preserve">LUZ CHURCH ROAD                                   </t>
  </si>
  <si>
    <t xml:space="preserve">MYLAPORE                                          </t>
  </si>
  <si>
    <t xml:space="preserve">4150                          </t>
  </si>
  <si>
    <t xml:space="preserve">600059005           </t>
  </si>
  <si>
    <t>W002500561</t>
  </si>
  <si>
    <t xml:space="preserve">24990557                                </t>
  </si>
  <si>
    <t xml:space="preserve">APAPS5685J                    </t>
  </si>
  <si>
    <t>IN303315</t>
  </si>
  <si>
    <t xml:space="preserve">10014330  </t>
  </si>
  <si>
    <t xml:space="preserve">J. RAJARAJESWARI                                                           </t>
  </si>
  <si>
    <t xml:space="preserve">1311841             </t>
  </si>
  <si>
    <t xml:space="preserve">NO.16/4, DEVA PRAYAG,                             </t>
  </si>
  <si>
    <t xml:space="preserve">29TH, STREET EXTENSION,                           </t>
  </si>
  <si>
    <t xml:space="preserve">THILLAI GANGA NAGAR, NANGANALLUR,                 </t>
  </si>
  <si>
    <t xml:space="preserve">CHENNAI, TAMILNADU                                </t>
  </si>
  <si>
    <t xml:space="preserve">5099                          </t>
  </si>
  <si>
    <t xml:space="preserve">NANGANALLUR BRANCH                                </t>
  </si>
  <si>
    <t xml:space="preserve">600020103           </t>
  </si>
  <si>
    <t xml:space="preserve">044-22671918                            </t>
  </si>
  <si>
    <t xml:space="preserve">rampanchu@hotmail.com                                                 </t>
  </si>
  <si>
    <t xml:space="preserve">AJBPR5327F                    </t>
  </si>
  <si>
    <t>0014568468</t>
  </si>
  <si>
    <t xml:space="preserve">IRUDAYARAJ JEBARAJ                                                         </t>
  </si>
  <si>
    <t xml:space="preserve">1311857             </t>
  </si>
  <si>
    <t xml:space="preserve">7A 2ND STREET KOTHAMPATTI                         </t>
  </si>
  <si>
    <t xml:space="preserve">PAPPANAMPATTI POST                                </t>
  </si>
  <si>
    <t xml:space="preserve">DINDIGUL TAMIL NADU                               </t>
  </si>
  <si>
    <t xml:space="preserve">31676400410                   </t>
  </si>
  <si>
    <t xml:space="preserve">SALAI ROAD                                        </t>
  </si>
  <si>
    <t xml:space="preserve">DINDIGUL                                          </t>
  </si>
  <si>
    <t xml:space="preserve">625002038           </t>
  </si>
  <si>
    <t xml:space="preserve">9843774440                              </t>
  </si>
  <si>
    <t xml:space="preserve">RJEBA888@GMAIL.COM                                                    </t>
  </si>
  <si>
    <t xml:space="preserve">ARIPJ7758B                    </t>
  </si>
  <si>
    <t xml:space="preserve">10192468  </t>
  </si>
  <si>
    <t xml:space="preserve">SHAGABUDEEN.A.M                                                            </t>
  </si>
  <si>
    <t xml:space="preserve">1311864             </t>
  </si>
  <si>
    <t xml:space="preserve">NO.7/A, 2ND STREET                                </t>
  </si>
  <si>
    <t xml:space="preserve">KRG NAGAR                                         </t>
  </si>
  <si>
    <t xml:space="preserve">GANAPATHY                                         </t>
  </si>
  <si>
    <t xml:space="preserve">10291                         </t>
  </si>
  <si>
    <t xml:space="preserve">641020005           </t>
  </si>
  <si>
    <t xml:space="preserve">2534505                                 </t>
  </si>
  <si>
    <t xml:space="preserve">farsa.abap@gmail.com                                                  </t>
  </si>
  <si>
    <t xml:space="preserve">AMDPS3123R                    </t>
  </si>
  <si>
    <t>0005090561</t>
  </si>
  <si>
    <t xml:space="preserve">RANJITH RAMACHANDRAN                                                       </t>
  </si>
  <si>
    <t xml:space="preserve">1311883             </t>
  </si>
  <si>
    <t xml:space="preserve">UPASANA AYICKAD CHEPPAD PO                        </t>
  </si>
  <si>
    <t xml:space="preserve">CHEPPAD PO ALAPPUIHA                              </t>
  </si>
  <si>
    <t xml:space="preserve">ALAPPUZHA KERALA                                  </t>
  </si>
  <si>
    <t xml:space="preserve">67282873690                   </t>
  </si>
  <si>
    <t xml:space="preserve">SIVAKILAS COMP LEX                                </t>
  </si>
  <si>
    <t xml:space="preserve">KAYAMKULAM                                        </t>
  </si>
  <si>
    <t xml:space="preserve">690002917           </t>
  </si>
  <si>
    <t xml:space="preserve">8547889598                              </t>
  </si>
  <si>
    <t xml:space="preserve">ranjith6290ksfe@gmail.com                                             </t>
  </si>
  <si>
    <t xml:space="preserve">BBDPR1188P                    </t>
  </si>
  <si>
    <t xml:space="preserve">20792005  </t>
  </si>
  <si>
    <t xml:space="preserve">SONIA KHANDELWAL                                                           </t>
  </si>
  <si>
    <t xml:space="preserve">1311897             </t>
  </si>
  <si>
    <t xml:space="preserve">46 KALIKRISHNA TAGORE STREET                      </t>
  </si>
  <si>
    <t xml:space="preserve">4170                          </t>
  </si>
  <si>
    <t xml:space="preserve">THE KARUR VYSYA BANK LIMITED                      </t>
  </si>
  <si>
    <t xml:space="preserve">700053002           </t>
  </si>
  <si>
    <t xml:space="preserve">2397650 2390660                         </t>
  </si>
  <si>
    <t xml:space="preserve">MERGER2010                    </t>
  </si>
  <si>
    <t>IN301740</t>
  </si>
  <si>
    <t xml:space="preserve">10172347  </t>
  </si>
  <si>
    <t xml:space="preserve">ANURADHA GUPTA                                                             </t>
  </si>
  <si>
    <t xml:space="preserve">1311898             </t>
  </si>
  <si>
    <t xml:space="preserve">113A/1C,                                          </t>
  </si>
  <si>
    <t xml:space="preserve">DR. SURESH CHANDRA BANERJEE ROAD                  </t>
  </si>
  <si>
    <t xml:space="preserve">BELIAGHATA                                        </t>
  </si>
  <si>
    <t xml:space="preserve">21750                         </t>
  </si>
  <si>
    <t xml:space="preserve">THE FEDERAL BANK LTD.                             </t>
  </si>
  <si>
    <t xml:space="preserve">8, C. R. AVENUE                                   </t>
  </si>
  <si>
    <t xml:space="preserve">700049005           </t>
  </si>
  <si>
    <t xml:space="preserve">23513142                                </t>
  </si>
  <si>
    <t xml:space="preserve">AICPG8861F                    </t>
  </si>
  <si>
    <t xml:space="preserve">10119214  </t>
  </si>
  <si>
    <t xml:space="preserve">KUMAR BHANDARI                                                             </t>
  </si>
  <si>
    <t xml:space="preserve">1311903             </t>
  </si>
  <si>
    <t xml:space="preserve">1/1A, BIPLABI ANUKUL CHANDRA STREET               </t>
  </si>
  <si>
    <t xml:space="preserve">ELECTRONIC CENTRE                                 </t>
  </si>
  <si>
    <t xml:space="preserve">4TH FLOOR                                         </t>
  </si>
  <si>
    <t xml:space="preserve">2144                          </t>
  </si>
  <si>
    <t xml:space="preserve">BANK OF MAHARASHTRA                               </t>
  </si>
  <si>
    <t xml:space="preserve">CHANDNI CHOWK MARKET                              </t>
  </si>
  <si>
    <t xml:space="preserve">700014008           </t>
  </si>
  <si>
    <t xml:space="preserve">O)2364241/6271 R)5212344                </t>
  </si>
  <si>
    <t xml:space="preserve">ADVPB4104A                    </t>
  </si>
  <si>
    <t>IN303116</t>
  </si>
  <si>
    <t xml:space="preserve">12482226  </t>
  </si>
  <si>
    <t xml:space="preserve">BARNALI MONDAL                                                             </t>
  </si>
  <si>
    <t xml:space="preserve">1311911             </t>
  </si>
  <si>
    <t xml:space="preserve">VIVEKANA NDAPUR GANNEY GANGADHARPUR               </t>
  </si>
  <si>
    <t xml:space="preserve">GANYE GANGADHARPUR VIVEKANANDAPUR                 </t>
  </si>
  <si>
    <t xml:space="preserve">THAKURPUKUR MAHESTOLA                             </t>
  </si>
  <si>
    <t xml:space="preserve">SOUTH 24 PARGANAS WEST BENGAL                     </t>
  </si>
  <si>
    <t xml:space="preserve">00000037249744954             </t>
  </si>
  <si>
    <t xml:space="preserve">ELGIN ROAD KOLKATA                                </t>
  </si>
  <si>
    <t xml:space="preserve">KOLKATA WEST BENGAL                               </t>
  </si>
  <si>
    <t xml:space="preserve">700002739           </t>
  </si>
  <si>
    <t xml:space="preserve">MUKHERJEEBARNALI2017@GMAIL.COM                                        </t>
  </si>
  <si>
    <t xml:space="preserve">CLXPM3745A                    </t>
  </si>
  <si>
    <t>0005678235</t>
  </si>
  <si>
    <t xml:space="preserve">MEGHA JAIN                                                                 </t>
  </si>
  <si>
    <t xml:space="preserve">1311913             </t>
  </si>
  <si>
    <t xml:space="preserve">Gr Floor 45 Dobson Road                           </t>
  </si>
  <si>
    <t xml:space="preserve">Howrah                                            </t>
  </si>
  <si>
    <t xml:space="preserve">Howrah West Bengal                                </t>
  </si>
  <si>
    <t xml:space="preserve">4054                          </t>
  </si>
  <si>
    <t xml:space="preserve">HOWRAH BRANCH                                     </t>
  </si>
  <si>
    <t xml:space="preserve">VARSHA APARTMENTS 49/1                            </t>
  </si>
  <si>
    <t xml:space="preserve">MOULANA ABUL KLAM AZAD RD                         </t>
  </si>
  <si>
    <t xml:space="preserve">HOWRAH                                            </t>
  </si>
  <si>
    <t xml:space="preserve">700017012           </t>
  </si>
  <si>
    <t xml:space="preserve">9831415271                              </t>
  </si>
  <si>
    <t xml:space="preserve">meghajain1973@yahoo.co.in                                             </t>
  </si>
  <si>
    <t xml:space="preserve">AFEPJ8730M                    </t>
  </si>
  <si>
    <t>2600376443</t>
  </si>
  <si>
    <t xml:space="preserve">PARIMAL KUMAR GHOSH                                                        </t>
  </si>
  <si>
    <t xml:space="preserve">1311916             </t>
  </si>
  <si>
    <t xml:space="preserve">SATYAJIT PARK                                     </t>
  </si>
  <si>
    <t xml:space="preserve">28 DURGAPUR NEW                                   </t>
  </si>
  <si>
    <t xml:space="preserve">TOWNSHIP BURDWAN                                  </t>
  </si>
  <si>
    <t xml:space="preserve">DURGAPUR WEST BENGAL                              </t>
  </si>
  <si>
    <t xml:space="preserve">636010011968                  </t>
  </si>
  <si>
    <t xml:space="preserve">DURGAPUR BRANCH                                   </t>
  </si>
  <si>
    <t xml:space="preserve">SHAHID KHUDIRAM SARANI                            </t>
  </si>
  <si>
    <t xml:space="preserve">CITY PLAZA BLDG                                   </t>
  </si>
  <si>
    <t xml:space="preserve">713485202           </t>
  </si>
  <si>
    <t xml:space="preserve">9332231000                              </t>
  </si>
  <si>
    <t xml:space="preserve">parimal_ghosh@yahoo.com                                               </t>
  </si>
  <si>
    <t xml:space="preserve">AFYPG7489L                    </t>
  </si>
  <si>
    <t>0011309648</t>
  </si>
  <si>
    <t xml:space="preserve">KAMBHAMPATI VIVEK                                                          </t>
  </si>
  <si>
    <t xml:space="preserve">1311932             </t>
  </si>
  <si>
    <t xml:space="preserve">ROOM NO F-19                                      </t>
  </si>
  <si>
    <t xml:space="preserve">VS HALL OF RESIDENCE                              </t>
  </si>
  <si>
    <t xml:space="preserve">SUNDERGARH ODISHA                                 </t>
  </si>
  <si>
    <t xml:space="preserve">33170026950                   </t>
  </si>
  <si>
    <t xml:space="preserve">R E C CAMPUS                                      </t>
  </si>
  <si>
    <t xml:space="preserve">ROURKELA                                          </t>
  </si>
  <si>
    <t xml:space="preserve">SUNDARGARH                                        </t>
  </si>
  <si>
    <t xml:space="preserve">769002007           </t>
  </si>
  <si>
    <t xml:space="preserve">8122590382                              </t>
  </si>
  <si>
    <t xml:space="preserve">VIVEK.TEZU@GMAIL.COM                                                  </t>
  </si>
  <si>
    <t xml:space="preserve">AMNPV7272L                    </t>
  </si>
  <si>
    <t xml:space="preserve">11150289  </t>
  </si>
  <si>
    <t xml:space="preserve">PRABHAT KUMAR                                                              </t>
  </si>
  <si>
    <t xml:space="preserve">1311939             </t>
  </si>
  <si>
    <t xml:space="preserve">QR NO F 136 OLD BSEB COLONY                       </t>
  </si>
  <si>
    <t xml:space="preserve">NEW PUNAICHAK PO SHASTRINAGAR                     </t>
  </si>
  <si>
    <t xml:space="preserve">BIHAR                                             </t>
  </si>
  <si>
    <t xml:space="preserve">6298                          </t>
  </si>
  <si>
    <t xml:space="preserve">VIDYUT BHAWAN EXTENSION COUNTER                   </t>
  </si>
  <si>
    <t xml:space="preserve">BELI ROAD BSEB EXT CNTR                           </t>
  </si>
  <si>
    <t xml:space="preserve">800015002           </t>
  </si>
  <si>
    <t xml:space="preserve">0612 2288560                            </t>
  </si>
  <si>
    <t xml:space="preserve">pkumar7872@gmail.com                                                  </t>
  </si>
  <si>
    <t xml:space="preserve">ALAPK0179K                    </t>
  </si>
  <si>
    <t>0011696929</t>
  </si>
  <si>
    <t xml:space="preserve">PAVAN KUMAR PATIDAR                                                        </t>
  </si>
  <si>
    <t xml:space="preserve">1311942             </t>
  </si>
  <si>
    <t xml:space="preserve">638A PUNGGOL DR                                   </t>
  </si>
  <si>
    <t xml:space="preserve">#05-435 SINGAPORE                                 </t>
  </si>
  <si>
    <t xml:space="preserve">SINGAPORE NOT APPLICABLE                          </t>
  </si>
  <si>
    <t xml:space="preserve">917010044040932               </t>
  </si>
  <si>
    <t xml:space="preserve">GR FLR, 70 SHREE NAGAR                            </t>
  </si>
  <si>
    <t xml:space="preserve">EXT KHAJRANA, MAIN ROAD                           </t>
  </si>
  <si>
    <t xml:space="preserve">ANAND BAZAR                                       </t>
  </si>
  <si>
    <t xml:space="preserve">452211021           </t>
  </si>
  <si>
    <t xml:space="preserve">9009476450                              </t>
  </si>
  <si>
    <t xml:space="preserve">PAVANPATIDAR@YAHOO.COM                                                </t>
  </si>
  <si>
    <t xml:space="preserve">AKDPP7340P                    </t>
  </si>
  <si>
    <t xml:space="preserve">22776320  </t>
  </si>
  <si>
    <t xml:space="preserve">ANKIT KUMAR LAL                                                            </t>
  </si>
  <si>
    <t xml:space="preserve">1311950             </t>
  </si>
  <si>
    <t xml:space="preserve">DEPTY PARA                                        </t>
  </si>
  <si>
    <t xml:space="preserve">RANKA COMPOUND                                    </t>
  </si>
  <si>
    <t xml:space="preserve">KATCHERY                                          </t>
  </si>
  <si>
    <t xml:space="preserve">RANCHI JHARKHAND                                  </t>
  </si>
  <si>
    <t xml:space="preserve">5512332447                    </t>
  </si>
  <si>
    <t xml:space="preserve">N A CHENNAI                                       </t>
  </si>
  <si>
    <t xml:space="preserve">CHENNAI CHENNAI TAMIL NADU                        </t>
  </si>
  <si>
    <t xml:space="preserve">600037003           </t>
  </si>
  <si>
    <t xml:space="preserve">ankyt.lal@gmail.com                                                   </t>
  </si>
  <si>
    <t xml:space="preserve">AHZPL4897N                    </t>
  </si>
  <si>
    <t>TOTAL:</t>
  </si>
  <si>
    <t>S. No</t>
  </si>
  <si>
    <t>No. of shares</t>
  </si>
  <si>
    <t>Unpaid dividend (in Rs.)</t>
  </si>
  <si>
    <t>Statement of unpaid dividend - Final dividend for FY2018-19</t>
  </si>
  <si>
    <t xml:space="preserve">DELHI                                      </t>
  </si>
  <si>
    <t xml:space="preserve">NEW DELHI                             </t>
  </si>
  <si>
    <t xml:space="preserve">DELHI                                        </t>
  </si>
  <si>
    <t xml:space="preserve">NEW DELHI                          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43" formatCode="_(* #,##0.00_);_(* \(#,##0.00\);_(* &quot;-&quot;??_);_(@_)"/>
    <numFmt numFmtId="165" formatCode="_(* #,##0_);_(* \(#,##0\);_(* &quot;-&quot;??_);_(@_)"/>
  </numFmts>
  <fonts count="5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43" fontId="4" fillId="0" borderId="0" applyFont="0" applyFill="0" applyBorder="0" applyAlignment="0" applyProtection="0"/>
  </cellStyleXfs>
  <cellXfs count="18">
    <xf numFmtId="0" fontId="0" fillId="0" borderId="0" xfId="0"/>
    <xf numFmtId="0" fontId="2" fillId="0" borderId="2" xfId="0" applyFont="1" applyBorder="1" applyAlignment="1">
      <alignment horizontal="center" vertical="top" wrapText="1"/>
    </xf>
    <xf numFmtId="0" fontId="2" fillId="0" borderId="3" xfId="0" applyFont="1" applyBorder="1" applyAlignment="1">
      <alignment horizontal="center" vertical="top" wrapText="1"/>
    </xf>
    <xf numFmtId="0" fontId="2" fillId="0" borderId="4" xfId="0" applyFont="1" applyBorder="1" applyAlignment="1">
      <alignment horizontal="center" vertical="top" wrapText="1"/>
    </xf>
    <xf numFmtId="0" fontId="3" fillId="0" borderId="1" xfId="0" applyFont="1" applyBorder="1" applyAlignment="1">
      <alignment vertical="top" wrapText="1"/>
    </xf>
    <xf numFmtId="0" fontId="2" fillId="0" borderId="0" xfId="0" applyFont="1" applyAlignment="1">
      <alignment vertical="top" wrapText="1"/>
    </xf>
    <xf numFmtId="0" fontId="3" fillId="0" borderId="0" xfId="0" applyFont="1" applyAlignment="1">
      <alignment vertical="top" wrapText="1"/>
    </xf>
    <xf numFmtId="0" fontId="0" fillId="0" borderId="1" xfId="0" applyBorder="1" applyAlignment="1">
      <alignment vertical="top" wrapText="1"/>
    </xf>
    <xf numFmtId="0" fontId="0" fillId="0" borderId="1" xfId="0" quotePrefix="1" applyBorder="1" applyAlignment="1">
      <alignment vertical="top" wrapText="1"/>
    </xf>
    <xf numFmtId="2" fontId="0" fillId="0" borderId="1" xfId="0" applyNumberFormat="1" applyBorder="1" applyAlignment="1">
      <alignment vertical="top" wrapText="1"/>
    </xf>
    <xf numFmtId="0" fontId="0" fillId="0" borderId="0" xfId="0" applyAlignment="1">
      <alignment vertical="top" wrapText="1"/>
    </xf>
    <xf numFmtId="0" fontId="1" fillId="0" borderId="1" xfId="0" applyFont="1" applyBorder="1" applyAlignment="1">
      <alignment vertical="top" wrapText="1"/>
    </xf>
    <xf numFmtId="0" fontId="1" fillId="0" borderId="0" xfId="0" applyFont="1" applyAlignment="1">
      <alignment vertical="top" wrapText="1"/>
    </xf>
    <xf numFmtId="165" fontId="1" fillId="2" borderId="1" xfId="1" applyNumberFormat="1" applyFont="1" applyFill="1" applyBorder="1" applyAlignment="1">
      <alignment vertical="top" wrapText="1"/>
    </xf>
    <xf numFmtId="43" fontId="1" fillId="2" borderId="1" xfId="1" applyNumberFormat="1" applyFont="1" applyFill="1" applyBorder="1" applyAlignment="1">
      <alignment vertical="top" wrapText="1"/>
    </xf>
    <xf numFmtId="0" fontId="1" fillId="2" borderId="2" xfId="0" applyFont="1" applyFill="1" applyBorder="1" applyAlignment="1">
      <alignment horizontal="center" vertical="top" wrapText="1"/>
    </xf>
    <xf numFmtId="0" fontId="1" fillId="2" borderId="3" xfId="0" applyFont="1" applyFill="1" applyBorder="1" applyAlignment="1">
      <alignment horizontal="center" vertical="top" wrapText="1"/>
    </xf>
    <xf numFmtId="0" fontId="1" fillId="2" borderId="4" xfId="0" applyFont="1" applyFill="1" applyBorder="1" applyAlignment="1">
      <alignment horizontal="center" vertical="top" wrapText="1"/>
    </xf>
  </cellXfs>
  <cellStyles count="2">
    <cellStyle name="Comma" xfId="1" builtinId="3"/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223"/>
  <sheetViews>
    <sheetView tabSelected="1" zoomScale="85" zoomScaleNormal="85" workbookViewId="0">
      <pane ySplit="3" topLeftCell="A4" activePane="bottomLeft" state="frozenSplit"/>
      <selection pane="bottomLeft" activeCell="C10" sqref="C10"/>
    </sheetView>
  </sheetViews>
  <sheetFormatPr defaultRowHeight="15" x14ac:dyDescent="0.25"/>
  <cols>
    <col min="1" max="1" width="6.7109375" style="10" customWidth="1"/>
    <col min="2" max="2" width="10.7109375" style="10" customWidth="1"/>
    <col min="3" max="3" width="17.7109375" style="10" customWidth="1"/>
    <col min="4" max="4" width="28.5703125" style="10" customWidth="1"/>
    <col min="5" max="5" width="10" style="10" customWidth="1"/>
    <col min="6" max="6" width="11.28515625" style="10" customWidth="1"/>
    <col min="7" max="7" width="9.42578125" style="10" customWidth="1"/>
    <col min="8" max="9" width="10.7109375" style="10" hidden="1" customWidth="1"/>
    <col min="10" max="10" width="34.5703125" style="10" customWidth="1"/>
    <col min="11" max="11" width="33.28515625" style="10" customWidth="1"/>
    <col min="12" max="12" width="33.5703125" style="10" customWidth="1"/>
    <col min="13" max="13" width="17.5703125" style="10" customWidth="1"/>
    <col min="14" max="14" width="9.140625" style="10" customWidth="1"/>
    <col min="15" max="15" width="30.7109375" style="10" hidden="1" customWidth="1"/>
    <col min="16" max="16" width="50.7109375" style="10" hidden="1" customWidth="1"/>
    <col min="17" max="20" width="40.7109375" style="10" hidden="1" customWidth="1"/>
    <col min="21" max="21" width="10.7109375" style="10" hidden="1" customWidth="1"/>
    <col min="22" max="22" width="15.7109375" style="10" hidden="1" customWidth="1"/>
    <col min="23" max="23" width="10.7109375" style="10" hidden="1" customWidth="1"/>
    <col min="24" max="24" width="20.7109375" style="10" hidden="1" customWidth="1"/>
    <col min="25" max="25" width="15.7109375" style="10" hidden="1" customWidth="1"/>
    <col min="26" max="28" width="30.7109375" style="10" hidden="1" customWidth="1"/>
    <col min="29" max="29" width="50.7109375" style="10" hidden="1" customWidth="1"/>
    <col min="30" max="30" width="30.7109375" style="10" hidden="1" customWidth="1"/>
    <col min="31" max="16384" width="9.140625" style="10"/>
  </cols>
  <sheetData>
    <row r="1" spans="1:30" s="5" customFormat="1" ht="15.75" x14ac:dyDescent="0.25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3"/>
    </row>
    <row r="2" spans="1:30" s="6" customFormat="1" ht="15.75" x14ac:dyDescent="0.25">
      <c r="A2" s="1" t="s">
        <v>2805</v>
      </c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3"/>
    </row>
    <row r="3" spans="1:30" s="6" customFormat="1" ht="38.25" x14ac:dyDescent="0.25">
      <c r="A3" s="4" t="s">
        <v>2802</v>
      </c>
      <c r="B3" s="4" t="s">
        <v>1</v>
      </c>
      <c r="C3" s="4" t="s">
        <v>2</v>
      </c>
      <c r="D3" s="4" t="s">
        <v>3</v>
      </c>
      <c r="E3" s="4" t="s">
        <v>4</v>
      </c>
      <c r="F3" s="4" t="s">
        <v>2803</v>
      </c>
      <c r="G3" s="4" t="s">
        <v>2804</v>
      </c>
      <c r="H3" s="4" t="s">
        <v>5</v>
      </c>
      <c r="I3" s="4" t="s">
        <v>6</v>
      </c>
      <c r="J3" s="4" t="s">
        <v>7</v>
      </c>
      <c r="K3" s="4" t="s">
        <v>8</v>
      </c>
      <c r="L3" s="4" t="s">
        <v>9</v>
      </c>
      <c r="M3" s="4" t="s">
        <v>10</v>
      </c>
      <c r="N3" s="4" t="s">
        <v>11</v>
      </c>
      <c r="O3" s="4" t="s">
        <v>12</v>
      </c>
      <c r="P3" s="4" t="s">
        <v>13</v>
      </c>
      <c r="Q3" s="4" t="s">
        <v>14</v>
      </c>
      <c r="R3" s="4" t="s">
        <v>15</v>
      </c>
      <c r="S3" s="4" t="s">
        <v>16</v>
      </c>
      <c r="T3" s="4" t="s">
        <v>17</v>
      </c>
      <c r="U3" s="4" t="s">
        <v>18</v>
      </c>
      <c r="V3" s="4" t="s">
        <v>19</v>
      </c>
      <c r="W3" s="4" t="s">
        <v>20</v>
      </c>
      <c r="X3" s="4" t="s">
        <v>21</v>
      </c>
      <c r="Y3" s="4" t="s">
        <v>22</v>
      </c>
      <c r="Z3" s="4" t="s">
        <v>23</v>
      </c>
      <c r="AA3" s="4" t="s">
        <v>24</v>
      </c>
      <c r="AB3" s="4" t="s">
        <v>25</v>
      </c>
      <c r="AC3" s="4" t="s">
        <v>26</v>
      </c>
      <c r="AD3" s="4" t="s">
        <v>27</v>
      </c>
    </row>
    <row r="4" spans="1:30" x14ac:dyDescent="0.25">
      <c r="A4" s="7">
        <v>1</v>
      </c>
      <c r="B4" s="8" t="s">
        <v>28</v>
      </c>
      <c r="C4" s="8" t="s">
        <v>29</v>
      </c>
      <c r="D4" s="7" t="s">
        <v>30</v>
      </c>
      <c r="E4" s="8" t="s">
        <v>31</v>
      </c>
      <c r="F4" s="7">
        <v>50</v>
      </c>
      <c r="G4" s="9">
        <v>37.5</v>
      </c>
      <c r="H4" s="7">
        <v>10</v>
      </c>
      <c r="I4" s="7" t="s">
        <v>32</v>
      </c>
      <c r="J4" s="7" t="s">
        <v>33</v>
      </c>
      <c r="K4" s="7" t="s">
        <v>34</v>
      </c>
      <c r="L4" s="7" t="s">
        <v>35</v>
      </c>
      <c r="M4" s="7" t="s">
        <v>36</v>
      </c>
      <c r="N4" s="7">
        <v>110006</v>
      </c>
      <c r="O4" s="8" t="s">
        <v>37</v>
      </c>
      <c r="P4" s="7" t="s">
        <v>38</v>
      </c>
      <c r="Q4" s="7" t="s">
        <v>39</v>
      </c>
      <c r="R4" s="7" t="s">
        <v>40</v>
      </c>
      <c r="S4" s="7" t="s">
        <v>41</v>
      </c>
      <c r="T4" s="7" t="s">
        <v>36</v>
      </c>
      <c r="U4" s="7">
        <v>110006</v>
      </c>
      <c r="V4" s="8" t="s">
        <v>42</v>
      </c>
      <c r="W4" s="8" t="s">
        <v>43</v>
      </c>
      <c r="X4" s="8" t="s">
        <v>44</v>
      </c>
      <c r="Y4" s="7" t="s">
        <v>45</v>
      </c>
      <c r="Z4" s="8" t="s">
        <v>46</v>
      </c>
      <c r="AA4" s="8" t="s">
        <v>40</v>
      </c>
      <c r="AB4" s="8" t="s">
        <v>47</v>
      </c>
      <c r="AC4" s="7" t="s">
        <v>40</v>
      </c>
      <c r="AD4" s="7" t="s">
        <v>48</v>
      </c>
    </row>
    <row r="5" spans="1:30" x14ac:dyDescent="0.25">
      <c r="A5" s="7">
        <v>2</v>
      </c>
      <c r="B5" s="8" t="s">
        <v>49</v>
      </c>
      <c r="C5" s="8" t="s">
        <v>50</v>
      </c>
      <c r="D5" s="7" t="s">
        <v>51</v>
      </c>
      <c r="E5" s="8" t="s">
        <v>52</v>
      </c>
      <c r="F5" s="7">
        <v>14</v>
      </c>
      <c r="G5" s="9">
        <v>10.5</v>
      </c>
      <c r="H5" s="7">
        <v>11</v>
      </c>
      <c r="I5" s="7" t="s">
        <v>32</v>
      </c>
      <c r="J5" s="7" t="s">
        <v>53</v>
      </c>
      <c r="K5" s="7" t="s">
        <v>54</v>
      </c>
      <c r="L5" s="7" t="s">
        <v>40</v>
      </c>
      <c r="M5" s="7" t="s">
        <v>36</v>
      </c>
      <c r="N5" s="7">
        <v>110034</v>
      </c>
      <c r="O5" s="8" t="s">
        <v>55</v>
      </c>
      <c r="P5" s="7" t="s">
        <v>56</v>
      </c>
      <c r="Q5" s="7" t="s">
        <v>57</v>
      </c>
      <c r="R5" s="7" t="s">
        <v>58</v>
      </c>
      <c r="S5" s="7" t="s">
        <v>59</v>
      </c>
      <c r="T5" s="7" t="s">
        <v>60</v>
      </c>
      <c r="U5" s="7">
        <v>110034</v>
      </c>
      <c r="V5" s="8" t="s">
        <v>40</v>
      </c>
      <c r="W5" s="8" t="s">
        <v>43</v>
      </c>
      <c r="X5" s="8" t="s">
        <v>44</v>
      </c>
      <c r="Y5" s="7" t="s">
        <v>45</v>
      </c>
      <c r="Z5" s="8" t="s">
        <v>40</v>
      </c>
      <c r="AA5" s="8" t="s">
        <v>40</v>
      </c>
      <c r="AB5" s="8" t="s">
        <v>47</v>
      </c>
      <c r="AC5" s="7" t="s">
        <v>61</v>
      </c>
      <c r="AD5" s="7" t="s">
        <v>62</v>
      </c>
    </row>
    <row r="6" spans="1:30" x14ac:dyDescent="0.25">
      <c r="A6" s="7">
        <v>3</v>
      </c>
      <c r="B6" s="8" t="s">
        <v>63</v>
      </c>
      <c r="C6" s="8" t="s">
        <v>64</v>
      </c>
      <c r="D6" s="7" t="s">
        <v>65</v>
      </c>
      <c r="E6" s="8" t="s">
        <v>66</v>
      </c>
      <c r="F6" s="7">
        <v>34</v>
      </c>
      <c r="G6" s="9">
        <v>25.5</v>
      </c>
      <c r="H6" s="7">
        <v>12</v>
      </c>
      <c r="I6" s="7" t="s">
        <v>32</v>
      </c>
      <c r="J6" s="7" t="s">
        <v>67</v>
      </c>
      <c r="K6" s="7" t="s">
        <v>68</v>
      </c>
      <c r="L6" s="7" t="s">
        <v>36</v>
      </c>
      <c r="M6" s="7" t="s">
        <v>69</v>
      </c>
      <c r="N6" s="7">
        <v>110044</v>
      </c>
      <c r="O6" s="8" t="s">
        <v>70</v>
      </c>
      <c r="P6" s="7" t="s">
        <v>71</v>
      </c>
      <c r="Q6" s="7" t="s">
        <v>72</v>
      </c>
      <c r="R6" s="7" t="s">
        <v>60</v>
      </c>
      <c r="S6" s="7" t="s">
        <v>60</v>
      </c>
      <c r="T6" s="7" t="s">
        <v>60</v>
      </c>
      <c r="U6" s="7">
        <v>110021</v>
      </c>
      <c r="V6" s="8" t="s">
        <v>40</v>
      </c>
      <c r="W6" s="8" t="s">
        <v>43</v>
      </c>
      <c r="X6" s="8" t="s">
        <v>44</v>
      </c>
      <c r="Y6" s="7" t="s">
        <v>45</v>
      </c>
      <c r="Z6" s="8" t="s">
        <v>40</v>
      </c>
      <c r="AA6" s="8" t="s">
        <v>40</v>
      </c>
      <c r="AB6" s="8" t="s">
        <v>47</v>
      </c>
      <c r="AC6" s="7" t="s">
        <v>73</v>
      </c>
      <c r="AD6" s="7" t="s">
        <v>74</v>
      </c>
    </row>
    <row r="7" spans="1:30" x14ac:dyDescent="0.25">
      <c r="A7" s="7">
        <v>4</v>
      </c>
      <c r="B7" s="8" t="s">
        <v>75</v>
      </c>
      <c r="C7" s="8" t="s">
        <v>76</v>
      </c>
      <c r="D7" s="7" t="s">
        <v>77</v>
      </c>
      <c r="E7" s="8" t="s">
        <v>78</v>
      </c>
      <c r="F7" s="7">
        <v>3</v>
      </c>
      <c r="G7" s="9">
        <v>2.25</v>
      </c>
      <c r="H7" s="7">
        <v>13</v>
      </c>
      <c r="I7" s="7" t="s">
        <v>32</v>
      </c>
      <c r="J7" s="7" t="s">
        <v>79</v>
      </c>
      <c r="K7" s="7" t="s">
        <v>60</v>
      </c>
      <c r="L7" s="7" t="s">
        <v>40</v>
      </c>
      <c r="M7" s="7" t="s">
        <v>40</v>
      </c>
      <c r="N7" s="7">
        <v>110048</v>
      </c>
      <c r="O7" s="8" t="s">
        <v>80</v>
      </c>
      <c r="P7" s="7" t="s">
        <v>81</v>
      </c>
      <c r="Q7" s="7" t="s">
        <v>82</v>
      </c>
      <c r="R7" s="7" t="s">
        <v>40</v>
      </c>
      <c r="S7" s="7" t="s">
        <v>40</v>
      </c>
      <c r="T7" s="7" t="s">
        <v>60</v>
      </c>
      <c r="U7" s="7">
        <v>110048</v>
      </c>
      <c r="V7" s="8" t="s">
        <v>83</v>
      </c>
      <c r="W7" s="8" t="s">
        <v>43</v>
      </c>
      <c r="X7" s="8" t="s">
        <v>44</v>
      </c>
      <c r="Y7" s="7" t="s">
        <v>45</v>
      </c>
      <c r="Z7" s="8" t="s">
        <v>84</v>
      </c>
      <c r="AA7" s="8" t="s">
        <v>85</v>
      </c>
      <c r="AB7" s="8" t="s">
        <v>47</v>
      </c>
      <c r="AC7" s="7" t="s">
        <v>86</v>
      </c>
      <c r="AD7" s="7" t="s">
        <v>87</v>
      </c>
    </row>
    <row r="8" spans="1:30" x14ac:dyDescent="0.25">
      <c r="A8" s="7">
        <v>5</v>
      </c>
      <c r="B8" s="8" t="s">
        <v>88</v>
      </c>
      <c r="C8" s="8" t="s">
        <v>89</v>
      </c>
      <c r="D8" s="7" t="s">
        <v>90</v>
      </c>
      <c r="E8" s="8" t="s">
        <v>91</v>
      </c>
      <c r="F8" s="7">
        <v>50</v>
      </c>
      <c r="G8" s="9">
        <v>37.5</v>
      </c>
      <c r="H8" s="7">
        <v>14</v>
      </c>
      <c r="I8" s="7" t="s">
        <v>32</v>
      </c>
      <c r="J8" s="7" t="s">
        <v>92</v>
      </c>
      <c r="K8" s="7" t="s">
        <v>93</v>
      </c>
      <c r="L8" s="7" t="s">
        <v>60</v>
      </c>
      <c r="M8" s="7" t="s">
        <v>60</v>
      </c>
      <c r="N8" s="7">
        <v>110058</v>
      </c>
      <c r="O8" s="8" t="s">
        <v>94</v>
      </c>
      <c r="P8" s="7" t="s">
        <v>95</v>
      </c>
      <c r="Q8" s="7" t="s">
        <v>96</v>
      </c>
      <c r="R8" s="7" t="s">
        <v>93</v>
      </c>
      <c r="S8" s="7" t="s">
        <v>60</v>
      </c>
      <c r="T8" s="7" t="s">
        <v>60</v>
      </c>
      <c r="U8" s="7">
        <v>110058</v>
      </c>
      <c r="V8" s="8" t="s">
        <v>40</v>
      </c>
      <c r="W8" s="8" t="s">
        <v>43</v>
      </c>
      <c r="X8" s="8" t="s">
        <v>44</v>
      </c>
      <c r="Y8" s="7" t="s">
        <v>45</v>
      </c>
      <c r="Z8" s="8" t="s">
        <v>97</v>
      </c>
      <c r="AA8" s="8" t="s">
        <v>40</v>
      </c>
      <c r="AB8" s="8" t="s">
        <v>47</v>
      </c>
      <c r="AC8" s="7" t="s">
        <v>40</v>
      </c>
      <c r="AD8" s="7" t="s">
        <v>98</v>
      </c>
    </row>
    <row r="9" spans="1:30" x14ac:dyDescent="0.25">
      <c r="A9" s="7">
        <v>6</v>
      </c>
      <c r="B9" s="8" t="s">
        <v>88</v>
      </c>
      <c r="C9" s="8" t="s">
        <v>99</v>
      </c>
      <c r="D9" s="7" t="s">
        <v>100</v>
      </c>
      <c r="E9" s="8" t="s">
        <v>101</v>
      </c>
      <c r="F9" s="7">
        <v>50</v>
      </c>
      <c r="G9" s="9">
        <v>37.5</v>
      </c>
      <c r="H9" s="7">
        <v>15</v>
      </c>
      <c r="I9" s="7" t="s">
        <v>32</v>
      </c>
      <c r="J9" s="7" t="s">
        <v>102</v>
      </c>
      <c r="K9" s="7" t="s">
        <v>93</v>
      </c>
      <c r="L9" s="7" t="s">
        <v>60</v>
      </c>
      <c r="M9" s="7" t="s">
        <v>60</v>
      </c>
      <c r="N9" s="7">
        <v>110058</v>
      </c>
      <c r="O9" s="8" t="s">
        <v>103</v>
      </c>
      <c r="P9" s="7" t="s">
        <v>95</v>
      </c>
      <c r="Q9" s="7" t="s">
        <v>96</v>
      </c>
      <c r="R9" s="7" t="s">
        <v>104</v>
      </c>
      <c r="S9" s="7" t="s">
        <v>105</v>
      </c>
      <c r="T9" s="7" t="s">
        <v>60</v>
      </c>
      <c r="U9" s="7">
        <v>110058</v>
      </c>
      <c r="V9" s="8" t="s">
        <v>40</v>
      </c>
      <c r="W9" s="8" t="s">
        <v>43</v>
      </c>
      <c r="X9" s="8" t="s">
        <v>44</v>
      </c>
      <c r="Y9" s="7" t="s">
        <v>45</v>
      </c>
      <c r="Z9" s="8" t="s">
        <v>97</v>
      </c>
      <c r="AA9" s="8" t="s">
        <v>40</v>
      </c>
      <c r="AB9" s="8" t="s">
        <v>47</v>
      </c>
      <c r="AC9" s="7" t="s">
        <v>40</v>
      </c>
      <c r="AD9" s="7" t="s">
        <v>106</v>
      </c>
    </row>
    <row r="10" spans="1:30" x14ac:dyDescent="0.25">
      <c r="A10" s="7">
        <v>7</v>
      </c>
      <c r="B10" s="8" t="s">
        <v>107</v>
      </c>
      <c r="C10" s="8" t="s">
        <v>108</v>
      </c>
      <c r="D10" s="7" t="s">
        <v>109</v>
      </c>
      <c r="E10" s="8" t="s">
        <v>110</v>
      </c>
      <c r="F10" s="7">
        <v>10</v>
      </c>
      <c r="G10" s="9">
        <v>7.5</v>
      </c>
      <c r="H10" s="7">
        <v>16</v>
      </c>
      <c r="I10" s="7" t="s">
        <v>32</v>
      </c>
      <c r="J10" s="7" t="s">
        <v>111</v>
      </c>
      <c r="K10" s="7" t="s">
        <v>112</v>
      </c>
      <c r="L10" s="7" t="s">
        <v>40</v>
      </c>
      <c r="M10" s="7" t="s">
        <v>113</v>
      </c>
      <c r="N10" s="7">
        <v>110065</v>
      </c>
      <c r="O10" s="8" t="s">
        <v>114</v>
      </c>
      <c r="P10" s="7" t="s">
        <v>115</v>
      </c>
      <c r="Q10" s="7" t="s">
        <v>116</v>
      </c>
      <c r="R10" s="7" t="s">
        <v>40</v>
      </c>
      <c r="S10" s="7" t="s">
        <v>40</v>
      </c>
      <c r="T10" s="7" t="s">
        <v>116</v>
      </c>
      <c r="U10" s="7">
        <v>1</v>
      </c>
      <c r="V10" s="8" t="s">
        <v>117</v>
      </c>
      <c r="W10" s="8" t="s">
        <v>43</v>
      </c>
      <c r="X10" s="8" t="s">
        <v>44</v>
      </c>
      <c r="Y10" s="7" t="s">
        <v>118</v>
      </c>
      <c r="Z10" s="8" t="s">
        <v>119</v>
      </c>
      <c r="AA10" s="8" t="s">
        <v>40</v>
      </c>
      <c r="AB10" s="8" t="s">
        <v>47</v>
      </c>
      <c r="AC10" s="7" t="s">
        <v>120</v>
      </c>
      <c r="AD10" s="7" t="s">
        <v>121</v>
      </c>
    </row>
    <row r="11" spans="1:30" x14ac:dyDescent="0.25">
      <c r="A11" s="7">
        <v>8</v>
      </c>
      <c r="B11" s="8" t="s">
        <v>75</v>
      </c>
      <c r="C11" s="8" t="s">
        <v>122</v>
      </c>
      <c r="D11" s="7" t="s">
        <v>123</v>
      </c>
      <c r="E11" s="8" t="s">
        <v>124</v>
      </c>
      <c r="F11" s="7">
        <v>1</v>
      </c>
      <c r="G11" s="9">
        <v>0.75</v>
      </c>
      <c r="H11" s="7">
        <v>17</v>
      </c>
      <c r="I11" s="7" t="s">
        <v>32</v>
      </c>
      <c r="J11" s="7" t="s">
        <v>125</v>
      </c>
      <c r="K11" s="7" t="s">
        <v>126</v>
      </c>
      <c r="L11" s="7" t="s">
        <v>127</v>
      </c>
      <c r="M11" s="7" t="s">
        <v>128</v>
      </c>
      <c r="N11" s="7">
        <v>122002</v>
      </c>
      <c r="O11" s="8" t="s">
        <v>129</v>
      </c>
      <c r="P11" s="7" t="s">
        <v>130</v>
      </c>
      <c r="Q11" s="7" t="s">
        <v>131</v>
      </c>
      <c r="R11" s="7" t="s">
        <v>132</v>
      </c>
      <c r="S11" s="7" t="s">
        <v>133</v>
      </c>
      <c r="T11" s="7" t="s">
        <v>128</v>
      </c>
      <c r="U11" s="7">
        <v>122002</v>
      </c>
      <c r="V11" s="8" t="s">
        <v>134</v>
      </c>
      <c r="W11" s="8" t="s">
        <v>43</v>
      </c>
      <c r="X11" s="8" t="s">
        <v>44</v>
      </c>
      <c r="Y11" s="7" t="s">
        <v>45</v>
      </c>
      <c r="Z11" s="8" t="s">
        <v>135</v>
      </c>
      <c r="AA11" s="8" t="s">
        <v>40</v>
      </c>
      <c r="AB11" s="8" t="s">
        <v>47</v>
      </c>
      <c r="AC11" s="7" t="s">
        <v>136</v>
      </c>
      <c r="AD11" s="7" t="s">
        <v>137</v>
      </c>
    </row>
    <row r="12" spans="1:30" x14ac:dyDescent="0.25">
      <c r="A12" s="7">
        <v>9</v>
      </c>
      <c r="B12" s="8" t="s">
        <v>138</v>
      </c>
      <c r="C12" s="8" t="s">
        <v>139</v>
      </c>
      <c r="D12" s="7" t="s">
        <v>140</v>
      </c>
      <c r="E12" s="8" t="s">
        <v>141</v>
      </c>
      <c r="F12" s="7">
        <v>30</v>
      </c>
      <c r="G12" s="9">
        <v>22.5</v>
      </c>
      <c r="H12" s="7">
        <v>18</v>
      </c>
      <c r="I12" s="7" t="s">
        <v>32</v>
      </c>
      <c r="J12" s="7" t="s">
        <v>142</v>
      </c>
      <c r="K12" s="7" t="s">
        <v>143</v>
      </c>
      <c r="L12" s="7" t="s">
        <v>144</v>
      </c>
      <c r="M12" s="7" t="s">
        <v>145</v>
      </c>
      <c r="N12" s="7">
        <v>125001</v>
      </c>
      <c r="O12" s="8" t="s">
        <v>146</v>
      </c>
      <c r="P12" s="7" t="s">
        <v>147</v>
      </c>
      <c r="Q12" s="7" t="s">
        <v>148</v>
      </c>
      <c r="R12" s="7" t="s">
        <v>40</v>
      </c>
      <c r="S12" s="7" t="s">
        <v>40</v>
      </c>
      <c r="T12" s="7" t="s">
        <v>148</v>
      </c>
      <c r="U12" s="7">
        <v>1</v>
      </c>
      <c r="V12" s="8" t="s">
        <v>149</v>
      </c>
      <c r="W12" s="8" t="s">
        <v>43</v>
      </c>
      <c r="X12" s="8" t="s">
        <v>44</v>
      </c>
      <c r="Y12" s="7" t="s">
        <v>45</v>
      </c>
      <c r="Z12" s="8" t="s">
        <v>150</v>
      </c>
      <c r="AA12" s="8" t="s">
        <v>40</v>
      </c>
      <c r="AB12" s="8" t="s">
        <v>47</v>
      </c>
      <c r="AC12" s="7" t="s">
        <v>151</v>
      </c>
      <c r="AD12" s="7" t="s">
        <v>152</v>
      </c>
    </row>
    <row r="13" spans="1:30" x14ac:dyDescent="0.25">
      <c r="A13" s="7">
        <v>10</v>
      </c>
      <c r="B13" s="8" t="s">
        <v>153</v>
      </c>
      <c r="C13" s="8" t="s">
        <v>154</v>
      </c>
      <c r="D13" s="7" t="s">
        <v>155</v>
      </c>
      <c r="E13" s="8" t="s">
        <v>156</v>
      </c>
      <c r="F13" s="7">
        <v>50</v>
      </c>
      <c r="G13" s="9">
        <v>37.5</v>
      </c>
      <c r="H13" s="7">
        <v>19</v>
      </c>
      <c r="I13" s="7" t="s">
        <v>32</v>
      </c>
      <c r="J13" s="7" t="s">
        <v>157</v>
      </c>
      <c r="K13" s="7" t="s">
        <v>158</v>
      </c>
      <c r="L13" s="7" t="s">
        <v>40</v>
      </c>
      <c r="M13" s="7" t="s">
        <v>159</v>
      </c>
      <c r="N13" s="7">
        <v>133302</v>
      </c>
      <c r="O13" s="8" t="s">
        <v>160</v>
      </c>
      <c r="P13" s="7" t="s">
        <v>161</v>
      </c>
      <c r="Q13" s="7" t="s">
        <v>162</v>
      </c>
      <c r="R13" s="7" t="s">
        <v>163</v>
      </c>
      <c r="S13" s="7" t="s">
        <v>164</v>
      </c>
      <c r="T13" s="7" t="s">
        <v>165</v>
      </c>
      <c r="U13" s="7">
        <v>133302</v>
      </c>
      <c r="V13" s="8" t="s">
        <v>166</v>
      </c>
      <c r="W13" s="8" t="s">
        <v>43</v>
      </c>
      <c r="X13" s="8" t="s">
        <v>44</v>
      </c>
      <c r="Y13" s="7" t="s">
        <v>45</v>
      </c>
      <c r="Z13" s="8" t="s">
        <v>167</v>
      </c>
      <c r="AA13" s="8" t="s">
        <v>40</v>
      </c>
      <c r="AB13" s="8" t="s">
        <v>47</v>
      </c>
      <c r="AC13" s="7" t="s">
        <v>168</v>
      </c>
      <c r="AD13" s="7" t="s">
        <v>169</v>
      </c>
    </row>
    <row r="14" spans="1:30" x14ac:dyDescent="0.25">
      <c r="A14" s="7">
        <v>11</v>
      </c>
      <c r="B14" s="8" t="s">
        <v>170</v>
      </c>
      <c r="C14" s="8" t="s">
        <v>171</v>
      </c>
      <c r="D14" s="7" t="s">
        <v>172</v>
      </c>
      <c r="E14" s="8" t="s">
        <v>173</v>
      </c>
      <c r="F14" s="7">
        <v>50</v>
      </c>
      <c r="G14" s="9">
        <v>37.5</v>
      </c>
      <c r="H14" s="7">
        <v>21</v>
      </c>
      <c r="I14" s="7" t="s">
        <v>32</v>
      </c>
      <c r="J14" s="7" t="s">
        <v>174</v>
      </c>
      <c r="K14" s="7" t="s">
        <v>175</v>
      </c>
      <c r="L14" s="7" t="s">
        <v>40</v>
      </c>
      <c r="M14" s="7" t="s">
        <v>176</v>
      </c>
      <c r="N14" s="7">
        <v>147001</v>
      </c>
      <c r="O14" s="8" t="s">
        <v>177</v>
      </c>
      <c r="P14" s="7" t="s">
        <v>147</v>
      </c>
      <c r="Q14" s="7" t="s">
        <v>148</v>
      </c>
      <c r="R14" s="7" t="s">
        <v>40</v>
      </c>
      <c r="S14" s="7" t="s">
        <v>40</v>
      </c>
      <c r="T14" s="7" t="s">
        <v>148</v>
      </c>
      <c r="U14" s="7">
        <v>1</v>
      </c>
      <c r="V14" s="8" t="s">
        <v>149</v>
      </c>
      <c r="W14" s="8" t="s">
        <v>43</v>
      </c>
      <c r="X14" s="8" t="s">
        <v>44</v>
      </c>
      <c r="Y14" s="7" t="s">
        <v>45</v>
      </c>
      <c r="Z14" s="8" t="s">
        <v>178</v>
      </c>
      <c r="AA14" s="8" t="s">
        <v>40</v>
      </c>
      <c r="AB14" s="8" t="s">
        <v>47</v>
      </c>
      <c r="AC14" s="7" t="s">
        <v>40</v>
      </c>
      <c r="AD14" s="7" t="s">
        <v>179</v>
      </c>
    </row>
    <row r="15" spans="1:30" x14ac:dyDescent="0.25">
      <c r="A15" s="7">
        <v>12</v>
      </c>
      <c r="B15" s="8" t="s">
        <v>180</v>
      </c>
      <c r="C15" s="8" t="s">
        <v>181</v>
      </c>
      <c r="D15" s="7" t="s">
        <v>182</v>
      </c>
      <c r="E15" s="8" t="s">
        <v>183</v>
      </c>
      <c r="F15" s="7">
        <v>100</v>
      </c>
      <c r="G15" s="9">
        <v>75</v>
      </c>
      <c r="H15" s="7">
        <v>22</v>
      </c>
      <c r="I15" s="7" t="s">
        <v>32</v>
      </c>
      <c r="J15" s="7" t="s">
        <v>184</v>
      </c>
      <c r="K15" s="7" t="s">
        <v>185</v>
      </c>
      <c r="L15" s="7" t="s">
        <v>186</v>
      </c>
      <c r="M15" s="7" t="s">
        <v>187</v>
      </c>
      <c r="N15" s="7">
        <v>148028</v>
      </c>
      <c r="O15" s="8" t="s">
        <v>188</v>
      </c>
      <c r="P15" s="7" t="s">
        <v>147</v>
      </c>
      <c r="Q15" s="7" t="s">
        <v>189</v>
      </c>
      <c r="R15" s="7" t="s">
        <v>190</v>
      </c>
      <c r="S15" s="7" t="s">
        <v>191</v>
      </c>
      <c r="T15" s="7" t="s">
        <v>187</v>
      </c>
      <c r="U15" s="7">
        <v>148028</v>
      </c>
      <c r="V15" s="8" t="s">
        <v>40</v>
      </c>
      <c r="W15" s="8" t="s">
        <v>43</v>
      </c>
      <c r="X15" s="8" t="s">
        <v>44</v>
      </c>
      <c r="Y15" s="7" t="s">
        <v>45</v>
      </c>
      <c r="Z15" s="8" t="s">
        <v>192</v>
      </c>
      <c r="AA15" s="8" t="s">
        <v>40</v>
      </c>
      <c r="AB15" s="8" t="s">
        <v>47</v>
      </c>
      <c r="AC15" s="7" t="s">
        <v>40</v>
      </c>
      <c r="AD15" s="7" t="s">
        <v>193</v>
      </c>
    </row>
    <row r="16" spans="1:30" ht="33" customHeight="1" x14ac:dyDescent="0.25">
      <c r="A16" s="7">
        <v>13</v>
      </c>
      <c r="B16" s="8" t="s">
        <v>194</v>
      </c>
      <c r="C16" s="8" t="s">
        <v>195</v>
      </c>
      <c r="D16" s="7" t="s">
        <v>196</v>
      </c>
      <c r="E16" s="8" t="s">
        <v>197</v>
      </c>
      <c r="F16" s="7">
        <v>20</v>
      </c>
      <c r="G16" s="9">
        <v>15</v>
      </c>
      <c r="H16" s="7">
        <v>24</v>
      </c>
      <c r="I16" s="7" t="s">
        <v>32</v>
      </c>
      <c r="J16" s="7" t="s">
        <v>198</v>
      </c>
      <c r="K16" s="7" t="s">
        <v>199</v>
      </c>
      <c r="L16" s="7" t="s">
        <v>200</v>
      </c>
      <c r="M16" s="7" t="s">
        <v>201</v>
      </c>
      <c r="N16" s="7">
        <v>201204</v>
      </c>
      <c r="O16" s="8" t="s">
        <v>202</v>
      </c>
      <c r="P16" s="7" t="s">
        <v>203</v>
      </c>
      <c r="Q16" s="7" t="s">
        <v>204</v>
      </c>
      <c r="R16" s="7" t="s">
        <v>40</v>
      </c>
      <c r="S16" s="7" t="s">
        <v>205</v>
      </c>
      <c r="T16" s="7" t="s">
        <v>206</v>
      </c>
      <c r="U16" s="7">
        <v>201204</v>
      </c>
      <c r="V16" s="8" t="s">
        <v>207</v>
      </c>
      <c r="W16" s="8" t="s">
        <v>43</v>
      </c>
      <c r="X16" s="8" t="s">
        <v>44</v>
      </c>
      <c r="Y16" s="7" t="s">
        <v>45</v>
      </c>
      <c r="Z16" s="8" t="s">
        <v>40</v>
      </c>
      <c r="AA16" s="8" t="s">
        <v>40</v>
      </c>
      <c r="AB16" s="8" t="s">
        <v>47</v>
      </c>
      <c r="AC16" s="7" t="s">
        <v>208</v>
      </c>
      <c r="AD16" s="7" t="s">
        <v>209</v>
      </c>
    </row>
    <row r="17" spans="1:30" ht="30" x14ac:dyDescent="0.25">
      <c r="A17" s="7">
        <v>14</v>
      </c>
      <c r="B17" s="8" t="s">
        <v>210</v>
      </c>
      <c r="C17" s="8" t="s">
        <v>211</v>
      </c>
      <c r="D17" s="7" t="s">
        <v>212</v>
      </c>
      <c r="E17" s="8" t="s">
        <v>213</v>
      </c>
      <c r="F17" s="7">
        <v>1</v>
      </c>
      <c r="G17" s="9">
        <v>0.75</v>
      </c>
      <c r="H17" s="7">
        <v>25</v>
      </c>
      <c r="I17" s="7" t="s">
        <v>32</v>
      </c>
      <c r="J17" s="7" t="s">
        <v>214</v>
      </c>
      <c r="K17" s="7" t="s">
        <v>215</v>
      </c>
      <c r="L17" s="7" t="s">
        <v>216</v>
      </c>
      <c r="M17" s="7" t="s">
        <v>217</v>
      </c>
      <c r="N17" s="7">
        <v>211001</v>
      </c>
      <c r="O17" s="8" t="s">
        <v>218</v>
      </c>
      <c r="P17" s="7" t="s">
        <v>38</v>
      </c>
      <c r="Q17" s="7" t="s">
        <v>219</v>
      </c>
      <c r="R17" s="7" t="s">
        <v>40</v>
      </c>
      <c r="S17" s="7" t="s">
        <v>40</v>
      </c>
      <c r="T17" s="7" t="s">
        <v>219</v>
      </c>
      <c r="U17" s="7">
        <v>1</v>
      </c>
      <c r="V17" s="8" t="s">
        <v>220</v>
      </c>
      <c r="W17" s="8" t="s">
        <v>43</v>
      </c>
      <c r="X17" s="8" t="s">
        <v>44</v>
      </c>
      <c r="Y17" s="7" t="s">
        <v>45</v>
      </c>
      <c r="Z17" s="8" t="s">
        <v>40</v>
      </c>
      <c r="AA17" s="8" t="s">
        <v>40</v>
      </c>
      <c r="AB17" s="8" t="s">
        <v>47</v>
      </c>
      <c r="AC17" s="7" t="s">
        <v>221</v>
      </c>
      <c r="AD17" s="7" t="s">
        <v>222</v>
      </c>
    </row>
    <row r="18" spans="1:30" x14ac:dyDescent="0.25">
      <c r="A18" s="7">
        <v>15</v>
      </c>
      <c r="B18" s="8" t="s">
        <v>223</v>
      </c>
      <c r="C18" s="8" t="s">
        <v>224</v>
      </c>
      <c r="D18" s="7" t="s">
        <v>225</v>
      </c>
      <c r="E18" s="8" t="s">
        <v>226</v>
      </c>
      <c r="F18" s="7">
        <v>50</v>
      </c>
      <c r="G18" s="9">
        <v>37.5</v>
      </c>
      <c r="H18" s="7">
        <v>27</v>
      </c>
      <c r="I18" s="7" t="s">
        <v>32</v>
      </c>
      <c r="J18" s="7" t="s">
        <v>227</v>
      </c>
      <c r="K18" s="7" t="s">
        <v>228</v>
      </c>
      <c r="L18" s="7" t="s">
        <v>229</v>
      </c>
      <c r="M18" s="7" t="s">
        <v>230</v>
      </c>
      <c r="N18" s="7">
        <v>226010</v>
      </c>
      <c r="O18" s="8" t="s">
        <v>231</v>
      </c>
      <c r="P18" s="7" t="s">
        <v>147</v>
      </c>
      <c r="Q18" s="7" t="s">
        <v>229</v>
      </c>
      <c r="R18" s="7" t="s">
        <v>40</v>
      </c>
      <c r="S18" s="7" t="s">
        <v>40</v>
      </c>
      <c r="T18" s="7" t="s">
        <v>230</v>
      </c>
      <c r="U18" s="7">
        <v>226010</v>
      </c>
      <c r="V18" s="8" t="s">
        <v>40</v>
      </c>
      <c r="W18" s="8" t="s">
        <v>43</v>
      </c>
      <c r="X18" s="8" t="s">
        <v>44</v>
      </c>
      <c r="Y18" s="7" t="s">
        <v>45</v>
      </c>
      <c r="Z18" s="8" t="s">
        <v>232</v>
      </c>
      <c r="AA18" s="8" t="s">
        <v>40</v>
      </c>
      <c r="AB18" s="8" t="s">
        <v>47</v>
      </c>
      <c r="AC18" s="7" t="s">
        <v>233</v>
      </c>
      <c r="AD18" s="7" t="s">
        <v>234</v>
      </c>
    </row>
    <row r="19" spans="1:30" x14ac:dyDescent="0.25">
      <c r="A19" s="7">
        <v>16</v>
      </c>
      <c r="B19" s="8" t="s">
        <v>235</v>
      </c>
      <c r="C19" s="8" t="s">
        <v>236</v>
      </c>
      <c r="D19" s="7" t="s">
        <v>237</v>
      </c>
      <c r="E19" s="8" t="s">
        <v>238</v>
      </c>
      <c r="F19" s="7">
        <v>50</v>
      </c>
      <c r="G19" s="9">
        <v>37.5</v>
      </c>
      <c r="H19" s="7">
        <v>28</v>
      </c>
      <c r="I19" s="7" t="s">
        <v>32</v>
      </c>
      <c r="J19" s="7" t="s">
        <v>239</v>
      </c>
      <c r="K19" s="7" t="s">
        <v>240</v>
      </c>
      <c r="L19" s="7" t="s">
        <v>241</v>
      </c>
      <c r="M19" s="7" t="s">
        <v>242</v>
      </c>
      <c r="N19" s="7">
        <v>243001</v>
      </c>
      <c r="O19" s="8" t="s">
        <v>243</v>
      </c>
      <c r="P19" s="7" t="s">
        <v>244</v>
      </c>
      <c r="Q19" s="7" t="s">
        <v>245</v>
      </c>
      <c r="R19" s="7" t="s">
        <v>40</v>
      </c>
      <c r="S19" s="7" t="s">
        <v>241</v>
      </c>
      <c r="T19" s="7" t="s">
        <v>242</v>
      </c>
      <c r="U19" s="7">
        <v>243001</v>
      </c>
      <c r="V19" s="8" t="s">
        <v>40</v>
      </c>
      <c r="W19" s="8" t="s">
        <v>43</v>
      </c>
      <c r="X19" s="8" t="s">
        <v>44</v>
      </c>
      <c r="Y19" s="7" t="s">
        <v>45</v>
      </c>
      <c r="Z19" s="8" t="s">
        <v>246</v>
      </c>
      <c r="AA19" s="8" t="s">
        <v>40</v>
      </c>
      <c r="AB19" s="8" t="s">
        <v>47</v>
      </c>
      <c r="AC19" s="7" t="s">
        <v>247</v>
      </c>
      <c r="AD19" s="7" t="s">
        <v>248</v>
      </c>
    </row>
    <row r="20" spans="1:30" x14ac:dyDescent="0.25">
      <c r="A20" s="7">
        <v>17</v>
      </c>
      <c r="B20" s="8" t="s">
        <v>249</v>
      </c>
      <c r="C20" s="8" t="s">
        <v>250</v>
      </c>
      <c r="D20" s="7" t="s">
        <v>251</v>
      </c>
      <c r="E20" s="8" t="s">
        <v>252</v>
      </c>
      <c r="F20" s="7">
        <v>30</v>
      </c>
      <c r="G20" s="9">
        <v>22.5</v>
      </c>
      <c r="H20" s="7">
        <v>29</v>
      </c>
      <c r="I20" s="7" t="s">
        <v>32</v>
      </c>
      <c r="J20" s="7" t="s">
        <v>253</v>
      </c>
      <c r="K20" s="7" t="s">
        <v>254</v>
      </c>
      <c r="L20" s="7" t="s">
        <v>255</v>
      </c>
      <c r="M20" s="7" t="s">
        <v>256</v>
      </c>
      <c r="N20" s="7">
        <v>243001</v>
      </c>
      <c r="O20" s="8" t="s">
        <v>257</v>
      </c>
      <c r="P20" s="7" t="s">
        <v>258</v>
      </c>
      <c r="Q20" s="7" t="s">
        <v>259</v>
      </c>
      <c r="R20" s="7" t="s">
        <v>40</v>
      </c>
      <c r="S20" s="7" t="s">
        <v>40</v>
      </c>
      <c r="T20" s="7" t="s">
        <v>256</v>
      </c>
      <c r="U20" s="7">
        <v>243001</v>
      </c>
      <c r="V20" s="8" t="s">
        <v>40</v>
      </c>
      <c r="W20" s="8" t="s">
        <v>43</v>
      </c>
      <c r="X20" s="8" t="s">
        <v>44</v>
      </c>
      <c r="Y20" s="7" t="s">
        <v>45</v>
      </c>
      <c r="Z20" s="8" t="s">
        <v>260</v>
      </c>
      <c r="AA20" s="8" t="s">
        <v>40</v>
      </c>
      <c r="AB20" s="8" t="s">
        <v>47</v>
      </c>
      <c r="AC20" s="7" t="s">
        <v>40</v>
      </c>
      <c r="AD20" s="7" t="s">
        <v>261</v>
      </c>
    </row>
    <row r="21" spans="1:30" x14ac:dyDescent="0.25">
      <c r="A21" s="7">
        <v>18</v>
      </c>
      <c r="B21" s="8" t="s">
        <v>262</v>
      </c>
      <c r="C21" s="8" t="s">
        <v>263</v>
      </c>
      <c r="D21" s="7" t="s">
        <v>264</v>
      </c>
      <c r="E21" s="8" t="s">
        <v>265</v>
      </c>
      <c r="F21" s="7">
        <v>50</v>
      </c>
      <c r="G21" s="9">
        <v>37.5</v>
      </c>
      <c r="H21" s="7">
        <v>30</v>
      </c>
      <c r="I21" s="7" t="s">
        <v>32</v>
      </c>
      <c r="J21" s="7" t="s">
        <v>266</v>
      </c>
      <c r="K21" s="7" t="s">
        <v>267</v>
      </c>
      <c r="L21" s="7" t="s">
        <v>268</v>
      </c>
      <c r="M21" s="7" t="s">
        <v>269</v>
      </c>
      <c r="N21" s="7">
        <v>248008</v>
      </c>
      <c r="O21" s="8" t="s">
        <v>270</v>
      </c>
      <c r="P21" s="7" t="s">
        <v>258</v>
      </c>
      <c r="Q21" s="7" t="s">
        <v>271</v>
      </c>
      <c r="R21" s="7" t="s">
        <v>40</v>
      </c>
      <c r="S21" s="7" t="s">
        <v>272</v>
      </c>
      <c r="T21" s="7" t="s">
        <v>269</v>
      </c>
      <c r="U21" s="7">
        <v>248008</v>
      </c>
      <c r="V21" s="8" t="s">
        <v>273</v>
      </c>
      <c r="W21" s="8" t="s">
        <v>43</v>
      </c>
      <c r="X21" s="8" t="s">
        <v>44</v>
      </c>
      <c r="Y21" s="7" t="s">
        <v>45</v>
      </c>
      <c r="Z21" s="8" t="s">
        <v>40</v>
      </c>
      <c r="AA21" s="8" t="s">
        <v>40</v>
      </c>
      <c r="AB21" s="8" t="s">
        <v>47</v>
      </c>
      <c r="AC21" s="7" t="s">
        <v>274</v>
      </c>
      <c r="AD21" s="7" t="s">
        <v>275</v>
      </c>
    </row>
    <row r="22" spans="1:30" ht="30" x14ac:dyDescent="0.25">
      <c r="A22" s="7">
        <v>19</v>
      </c>
      <c r="B22" s="8" t="s">
        <v>276</v>
      </c>
      <c r="C22" s="8" t="s">
        <v>277</v>
      </c>
      <c r="D22" s="7" t="s">
        <v>278</v>
      </c>
      <c r="E22" s="8" t="s">
        <v>279</v>
      </c>
      <c r="F22" s="7">
        <v>20</v>
      </c>
      <c r="G22" s="9">
        <v>15</v>
      </c>
      <c r="H22" s="7">
        <v>31</v>
      </c>
      <c r="I22" s="7" t="s">
        <v>32</v>
      </c>
      <c r="J22" s="7" t="s">
        <v>280</v>
      </c>
      <c r="K22" s="7" t="s">
        <v>281</v>
      </c>
      <c r="L22" s="7" t="s">
        <v>281</v>
      </c>
      <c r="M22" s="7" t="s">
        <v>282</v>
      </c>
      <c r="N22" s="7">
        <v>262001</v>
      </c>
      <c r="O22" s="8" t="s">
        <v>283</v>
      </c>
      <c r="P22" s="7" t="s">
        <v>147</v>
      </c>
      <c r="Q22" s="7" t="s">
        <v>148</v>
      </c>
      <c r="R22" s="7" t="s">
        <v>40</v>
      </c>
      <c r="S22" s="7" t="s">
        <v>40</v>
      </c>
      <c r="T22" s="7" t="s">
        <v>148</v>
      </c>
      <c r="U22" s="7">
        <v>1</v>
      </c>
      <c r="V22" s="8" t="s">
        <v>149</v>
      </c>
      <c r="W22" s="8" t="s">
        <v>43</v>
      </c>
      <c r="X22" s="8" t="s">
        <v>44</v>
      </c>
      <c r="Y22" s="7" t="s">
        <v>45</v>
      </c>
      <c r="Z22" s="8" t="s">
        <v>284</v>
      </c>
      <c r="AA22" s="8" t="s">
        <v>40</v>
      </c>
      <c r="AB22" s="8" t="s">
        <v>47</v>
      </c>
      <c r="AC22" s="7" t="s">
        <v>285</v>
      </c>
      <c r="AD22" s="7" t="s">
        <v>286</v>
      </c>
    </row>
    <row r="23" spans="1:30" x14ac:dyDescent="0.25">
      <c r="A23" s="7">
        <v>20</v>
      </c>
      <c r="B23" s="8" t="s">
        <v>223</v>
      </c>
      <c r="C23" s="8" t="s">
        <v>287</v>
      </c>
      <c r="D23" s="7" t="s">
        <v>288</v>
      </c>
      <c r="E23" s="8" t="s">
        <v>289</v>
      </c>
      <c r="F23" s="7">
        <v>50</v>
      </c>
      <c r="G23" s="9">
        <v>37.5</v>
      </c>
      <c r="H23" s="7">
        <v>33</v>
      </c>
      <c r="I23" s="7" t="s">
        <v>32</v>
      </c>
      <c r="J23" s="7" t="s">
        <v>290</v>
      </c>
      <c r="K23" s="7" t="s">
        <v>291</v>
      </c>
      <c r="L23" s="7" t="s">
        <v>40</v>
      </c>
      <c r="M23" s="7" t="s">
        <v>292</v>
      </c>
      <c r="N23" s="7">
        <v>282005</v>
      </c>
      <c r="O23" s="8" t="s">
        <v>293</v>
      </c>
      <c r="P23" s="7" t="s">
        <v>203</v>
      </c>
      <c r="Q23" s="7" t="s">
        <v>294</v>
      </c>
      <c r="R23" s="7" t="s">
        <v>40</v>
      </c>
      <c r="S23" s="7" t="s">
        <v>40</v>
      </c>
      <c r="T23" s="7" t="s">
        <v>292</v>
      </c>
      <c r="U23" s="7">
        <v>282004</v>
      </c>
      <c r="V23" s="8" t="s">
        <v>40</v>
      </c>
      <c r="W23" s="8" t="s">
        <v>43</v>
      </c>
      <c r="X23" s="8" t="s">
        <v>44</v>
      </c>
      <c r="Y23" s="7" t="s">
        <v>45</v>
      </c>
      <c r="Z23" s="8" t="s">
        <v>295</v>
      </c>
      <c r="AA23" s="8" t="s">
        <v>40</v>
      </c>
      <c r="AB23" s="8" t="s">
        <v>47</v>
      </c>
      <c r="AC23" s="7" t="s">
        <v>40</v>
      </c>
      <c r="AD23" s="7" t="s">
        <v>296</v>
      </c>
    </row>
    <row r="24" spans="1:30" ht="21" customHeight="1" x14ac:dyDescent="0.25">
      <c r="A24" s="7">
        <v>21</v>
      </c>
      <c r="B24" s="8" t="s">
        <v>297</v>
      </c>
      <c r="C24" s="8" t="s">
        <v>298</v>
      </c>
      <c r="D24" s="7" t="s">
        <v>299</v>
      </c>
      <c r="E24" s="8" t="s">
        <v>300</v>
      </c>
      <c r="F24" s="7">
        <v>1</v>
      </c>
      <c r="G24" s="9">
        <v>0.75</v>
      </c>
      <c r="H24" s="7">
        <v>34</v>
      </c>
      <c r="I24" s="7" t="s">
        <v>32</v>
      </c>
      <c r="J24" s="7" t="s">
        <v>301</v>
      </c>
      <c r="K24" s="7" t="s">
        <v>302</v>
      </c>
      <c r="L24" s="7" t="s">
        <v>303</v>
      </c>
      <c r="M24" s="7" t="s">
        <v>304</v>
      </c>
      <c r="N24" s="7">
        <v>302004</v>
      </c>
      <c r="O24" s="8" t="s">
        <v>305</v>
      </c>
      <c r="P24" s="7" t="s">
        <v>306</v>
      </c>
      <c r="Q24" s="7" t="s">
        <v>307</v>
      </c>
      <c r="R24" s="7" t="s">
        <v>40</v>
      </c>
      <c r="S24" s="7" t="s">
        <v>40</v>
      </c>
      <c r="T24" s="7" t="s">
        <v>307</v>
      </c>
      <c r="U24" s="7">
        <v>1</v>
      </c>
      <c r="V24" s="8" t="s">
        <v>308</v>
      </c>
      <c r="W24" s="8" t="s">
        <v>43</v>
      </c>
      <c r="X24" s="8" t="s">
        <v>44</v>
      </c>
      <c r="Y24" s="7" t="s">
        <v>45</v>
      </c>
      <c r="Z24" s="8" t="s">
        <v>309</v>
      </c>
      <c r="AA24" s="8" t="s">
        <v>40</v>
      </c>
      <c r="AB24" s="8" t="s">
        <v>47</v>
      </c>
      <c r="AC24" s="7" t="s">
        <v>310</v>
      </c>
      <c r="AD24" s="7" t="s">
        <v>311</v>
      </c>
    </row>
    <row r="25" spans="1:30" ht="20.25" customHeight="1" x14ac:dyDescent="0.25">
      <c r="A25" s="7">
        <v>22</v>
      </c>
      <c r="B25" s="8" t="s">
        <v>297</v>
      </c>
      <c r="C25" s="8" t="s">
        <v>312</v>
      </c>
      <c r="D25" s="7" t="s">
        <v>313</v>
      </c>
      <c r="E25" s="8" t="s">
        <v>314</v>
      </c>
      <c r="F25" s="7">
        <v>28</v>
      </c>
      <c r="G25" s="9">
        <v>21</v>
      </c>
      <c r="H25" s="7">
        <v>37</v>
      </c>
      <c r="I25" s="7" t="s">
        <v>32</v>
      </c>
      <c r="J25" s="7" t="s">
        <v>315</v>
      </c>
      <c r="K25" s="7" t="s">
        <v>316</v>
      </c>
      <c r="L25" s="7" t="s">
        <v>317</v>
      </c>
      <c r="M25" s="7" t="s">
        <v>318</v>
      </c>
      <c r="N25" s="7">
        <v>305008</v>
      </c>
      <c r="O25" s="8" t="s">
        <v>319</v>
      </c>
      <c r="P25" s="7" t="s">
        <v>306</v>
      </c>
      <c r="Q25" s="7" t="s">
        <v>307</v>
      </c>
      <c r="R25" s="7" t="s">
        <v>40</v>
      </c>
      <c r="S25" s="7" t="s">
        <v>40</v>
      </c>
      <c r="T25" s="7" t="s">
        <v>307</v>
      </c>
      <c r="U25" s="7">
        <v>1</v>
      </c>
      <c r="V25" s="8" t="s">
        <v>308</v>
      </c>
      <c r="W25" s="8" t="s">
        <v>43</v>
      </c>
      <c r="X25" s="8" t="s">
        <v>44</v>
      </c>
      <c r="Y25" s="7" t="s">
        <v>45</v>
      </c>
      <c r="Z25" s="8" t="s">
        <v>40</v>
      </c>
      <c r="AA25" s="8" t="s">
        <v>40</v>
      </c>
      <c r="AB25" s="8" t="s">
        <v>47</v>
      </c>
      <c r="AC25" s="7" t="s">
        <v>40</v>
      </c>
      <c r="AD25" s="7" t="s">
        <v>320</v>
      </c>
    </row>
    <row r="26" spans="1:30" ht="30" x14ac:dyDescent="0.25">
      <c r="A26" s="7">
        <v>23</v>
      </c>
      <c r="B26" s="8" t="s">
        <v>321</v>
      </c>
      <c r="C26" s="8" t="s">
        <v>322</v>
      </c>
      <c r="D26" s="7" t="s">
        <v>323</v>
      </c>
      <c r="E26" s="8" t="s">
        <v>324</v>
      </c>
      <c r="F26" s="7">
        <v>20</v>
      </c>
      <c r="G26" s="9">
        <v>15</v>
      </c>
      <c r="H26" s="7">
        <v>38</v>
      </c>
      <c r="I26" s="7" t="s">
        <v>32</v>
      </c>
      <c r="J26" s="7" t="s">
        <v>325</v>
      </c>
      <c r="K26" s="7" t="s">
        <v>326</v>
      </c>
      <c r="L26" s="7" t="s">
        <v>327</v>
      </c>
      <c r="M26" s="7" t="s">
        <v>328</v>
      </c>
      <c r="N26" s="7">
        <v>305801</v>
      </c>
      <c r="O26" s="8" t="s">
        <v>329</v>
      </c>
      <c r="P26" s="7" t="s">
        <v>330</v>
      </c>
      <c r="Q26" s="7" t="s">
        <v>331</v>
      </c>
      <c r="R26" s="7" t="s">
        <v>40</v>
      </c>
      <c r="S26" s="7" t="s">
        <v>40</v>
      </c>
      <c r="T26" s="7" t="s">
        <v>331</v>
      </c>
      <c r="U26" s="7">
        <v>1</v>
      </c>
      <c r="V26" s="8" t="s">
        <v>332</v>
      </c>
      <c r="W26" s="8" t="s">
        <v>43</v>
      </c>
      <c r="X26" s="8" t="s">
        <v>44</v>
      </c>
      <c r="Y26" s="7" t="s">
        <v>45</v>
      </c>
      <c r="Z26" s="8" t="s">
        <v>333</v>
      </c>
      <c r="AA26" s="8" t="s">
        <v>40</v>
      </c>
      <c r="AB26" s="8" t="s">
        <v>47</v>
      </c>
      <c r="AC26" s="7" t="s">
        <v>40</v>
      </c>
      <c r="AD26" s="7" t="s">
        <v>334</v>
      </c>
    </row>
    <row r="27" spans="1:30" ht="30" customHeight="1" x14ac:dyDescent="0.25">
      <c r="A27" s="7">
        <v>24</v>
      </c>
      <c r="B27" s="8" t="s">
        <v>335</v>
      </c>
      <c r="C27" s="8" t="s">
        <v>336</v>
      </c>
      <c r="D27" s="7" t="s">
        <v>337</v>
      </c>
      <c r="E27" s="8" t="s">
        <v>338</v>
      </c>
      <c r="F27" s="7">
        <v>6</v>
      </c>
      <c r="G27" s="9">
        <v>4.5</v>
      </c>
      <c r="H27" s="7">
        <v>40</v>
      </c>
      <c r="I27" s="7" t="s">
        <v>32</v>
      </c>
      <c r="J27" s="7" t="s">
        <v>339</v>
      </c>
      <c r="K27" s="7" t="s">
        <v>340</v>
      </c>
      <c r="L27" s="7" t="s">
        <v>341</v>
      </c>
      <c r="M27" s="7" t="s">
        <v>342</v>
      </c>
      <c r="N27" s="7">
        <v>322001</v>
      </c>
      <c r="O27" s="8" t="s">
        <v>343</v>
      </c>
      <c r="P27" s="7" t="s">
        <v>344</v>
      </c>
      <c r="Q27" s="7" t="s">
        <v>345</v>
      </c>
      <c r="R27" s="7" t="s">
        <v>40</v>
      </c>
      <c r="S27" s="7" t="s">
        <v>40</v>
      </c>
      <c r="T27" s="7" t="s">
        <v>345</v>
      </c>
      <c r="U27" s="7">
        <v>1</v>
      </c>
      <c r="V27" s="8" t="s">
        <v>346</v>
      </c>
      <c r="W27" s="8" t="s">
        <v>43</v>
      </c>
      <c r="X27" s="8" t="s">
        <v>44</v>
      </c>
      <c r="Y27" s="7" t="s">
        <v>45</v>
      </c>
      <c r="Z27" s="8" t="s">
        <v>347</v>
      </c>
      <c r="AA27" s="8" t="s">
        <v>40</v>
      </c>
      <c r="AB27" s="8" t="s">
        <v>47</v>
      </c>
      <c r="AC27" s="7" t="s">
        <v>348</v>
      </c>
      <c r="AD27" s="7" t="s">
        <v>349</v>
      </c>
    </row>
    <row r="28" spans="1:30" x14ac:dyDescent="0.25">
      <c r="A28" s="7">
        <v>25</v>
      </c>
      <c r="B28" s="8" t="s">
        <v>138</v>
      </c>
      <c r="C28" s="8" t="s">
        <v>350</v>
      </c>
      <c r="D28" s="7" t="s">
        <v>351</v>
      </c>
      <c r="E28" s="8" t="s">
        <v>352</v>
      </c>
      <c r="F28" s="7">
        <v>25</v>
      </c>
      <c r="G28" s="9">
        <v>18.75</v>
      </c>
      <c r="H28" s="7">
        <v>41</v>
      </c>
      <c r="I28" s="7" t="s">
        <v>32</v>
      </c>
      <c r="J28" s="7" t="s">
        <v>353</v>
      </c>
      <c r="K28" s="7" t="s">
        <v>354</v>
      </c>
      <c r="L28" s="7" t="s">
        <v>40</v>
      </c>
      <c r="M28" s="7" t="s">
        <v>355</v>
      </c>
      <c r="N28" s="7">
        <v>332001</v>
      </c>
      <c r="O28" s="8" t="s">
        <v>356</v>
      </c>
      <c r="P28" s="7" t="s">
        <v>147</v>
      </c>
      <c r="Q28" s="7" t="s">
        <v>148</v>
      </c>
      <c r="R28" s="7" t="s">
        <v>40</v>
      </c>
      <c r="S28" s="7" t="s">
        <v>40</v>
      </c>
      <c r="T28" s="7" t="s">
        <v>148</v>
      </c>
      <c r="U28" s="7">
        <v>1</v>
      </c>
      <c r="V28" s="8" t="s">
        <v>149</v>
      </c>
      <c r="W28" s="8" t="s">
        <v>43</v>
      </c>
      <c r="X28" s="8" t="s">
        <v>44</v>
      </c>
      <c r="Y28" s="7" t="s">
        <v>45</v>
      </c>
      <c r="Z28" s="8" t="s">
        <v>357</v>
      </c>
      <c r="AA28" s="8" t="s">
        <v>40</v>
      </c>
      <c r="AB28" s="8" t="s">
        <v>47</v>
      </c>
      <c r="AC28" s="7" t="s">
        <v>358</v>
      </c>
      <c r="AD28" s="7" t="s">
        <v>359</v>
      </c>
    </row>
    <row r="29" spans="1:30" ht="30" x14ac:dyDescent="0.25">
      <c r="A29" s="7">
        <v>26</v>
      </c>
      <c r="B29" s="8" t="s">
        <v>360</v>
      </c>
      <c r="C29" s="8" t="s">
        <v>361</v>
      </c>
      <c r="D29" s="7" t="s">
        <v>362</v>
      </c>
      <c r="E29" s="8" t="s">
        <v>363</v>
      </c>
      <c r="F29" s="7">
        <v>50</v>
      </c>
      <c r="G29" s="9">
        <v>37.5</v>
      </c>
      <c r="H29" s="7">
        <v>43</v>
      </c>
      <c r="I29" s="7" t="s">
        <v>32</v>
      </c>
      <c r="J29" s="7" t="s">
        <v>364</v>
      </c>
      <c r="K29" s="7" t="s">
        <v>365</v>
      </c>
      <c r="L29" s="7" t="s">
        <v>366</v>
      </c>
      <c r="M29" s="7" t="s">
        <v>367</v>
      </c>
      <c r="N29" s="7">
        <v>342011</v>
      </c>
      <c r="O29" s="8" t="s">
        <v>368</v>
      </c>
      <c r="P29" s="7" t="s">
        <v>369</v>
      </c>
      <c r="Q29" s="7" t="s">
        <v>370</v>
      </c>
      <c r="R29" s="7" t="s">
        <v>40</v>
      </c>
      <c r="S29" s="7" t="s">
        <v>40</v>
      </c>
      <c r="T29" s="7" t="s">
        <v>371</v>
      </c>
      <c r="U29" s="7">
        <v>342001</v>
      </c>
      <c r="V29" s="8" t="s">
        <v>372</v>
      </c>
      <c r="W29" s="8" t="s">
        <v>43</v>
      </c>
      <c r="X29" s="8" t="s">
        <v>44</v>
      </c>
      <c r="Y29" s="7" t="s">
        <v>45</v>
      </c>
      <c r="Z29" s="8" t="s">
        <v>373</v>
      </c>
      <c r="AA29" s="8" t="s">
        <v>40</v>
      </c>
      <c r="AB29" s="8" t="s">
        <v>47</v>
      </c>
      <c r="AC29" s="7" t="s">
        <v>40</v>
      </c>
      <c r="AD29" s="7" t="s">
        <v>374</v>
      </c>
    </row>
    <row r="30" spans="1:30" x14ac:dyDescent="0.25">
      <c r="A30" s="7">
        <v>27</v>
      </c>
      <c r="B30" s="8" t="s">
        <v>360</v>
      </c>
      <c r="C30" s="8" t="s">
        <v>375</v>
      </c>
      <c r="D30" s="7" t="s">
        <v>376</v>
      </c>
      <c r="E30" s="8" t="s">
        <v>377</v>
      </c>
      <c r="F30" s="7">
        <v>50</v>
      </c>
      <c r="G30" s="9">
        <v>37.5</v>
      </c>
      <c r="H30" s="7">
        <v>46</v>
      </c>
      <c r="I30" s="7" t="s">
        <v>32</v>
      </c>
      <c r="J30" s="7" t="s">
        <v>378</v>
      </c>
      <c r="K30" s="7" t="s">
        <v>379</v>
      </c>
      <c r="L30" s="7" t="s">
        <v>40</v>
      </c>
      <c r="M30" s="7" t="s">
        <v>380</v>
      </c>
      <c r="N30" s="7">
        <v>342003</v>
      </c>
      <c r="O30" s="8" t="s">
        <v>381</v>
      </c>
      <c r="P30" s="7" t="s">
        <v>382</v>
      </c>
      <c r="Q30" s="7" t="s">
        <v>383</v>
      </c>
      <c r="R30" s="7" t="s">
        <v>40</v>
      </c>
      <c r="S30" s="7" t="s">
        <v>40</v>
      </c>
      <c r="T30" s="7" t="s">
        <v>383</v>
      </c>
      <c r="U30" s="7">
        <v>1</v>
      </c>
      <c r="V30" s="8" t="s">
        <v>384</v>
      </c>
      <c r="W30" s="8" t="s">
        <v>43</v>
      </c>
      <c r="X30" s="8" t="s">
        <v>44</v>
      </c>
      <c r="Y30" s="7" t="s">
        <v>45</v>
      </c>
      <c r="Z30" s="8" t="s">
        <v>385</v>
      </c>
      <c r="AA30" s="8" t="s">
        <v>40</v>
      </c>
      <c r="AB30" s="8" t="s">
        <v>47</v>
      </c>
      <c r="AC30" s="7" t="s">
        <v>40</v>
      </c>
      <c r="AD30" s="7" t="s">
        <v>386</v>
      </c>
    </row>
    <row r="31" spans="1:30" x14ac:dyDescent="0.25">
      <c r="A31" s="7">
        <v>28</v>
      </c>
      <c r="B31" s="8" t="s">
        <v>360</v>
      </c>
      <c r="C31" s="8" t="s">
        <v>387</v>
      </c>
      <c r="D31" s="7" t="s">
        <v>388</v>
      </c>
      <c r="E31" s="8" t="s">
        <v>389</v>
      </c>
      <c r="F31" s="7">
        <v>30</v>
      </c>
      <c r="G31" s="9">
        <v>22.5</v>
      </c>
      <c r="H31" s="7">
        <v>47</v>
      </c>
      <c r="I31" s="7" t="s">
        <v>32</v>
      </c>
      <c r="J31" s="7" t="s">
        <v>390</v>
      </c>
      <c r="K31" s="7" t="s">
        <v>391</v>
      </c>
      <c r="L31" s="7" t="s">
        <v>40</v>
      </c>
      <c r="M31" s="7" t="s">
        <v>380</v>
      </c>
      <c r="N31" s="7">
        <v>342008</v>
      </c>
      <c r="O31" s="8" t="s">
        <v>392</v>
      </c>
      <c r="P31" s="7" t="s">
        <v>393</v>
      </c>
      <c r="Q31" s="7" t="s">
        <v>393</v>
      </c>
      <c r="R31" s="7" t="s">
        <v>393</v>
      </c>
      <c r="S31" s="7" t="s">
        <v>393</v>
      </c>
      <c r="T31" s="7" t="s">
        <v>393</v>
      </c>
      <c r="U31" s="7" t="s">
        <v>45</v>
      </c>
      <c r="V31" s="8" t="s">
        <v>40</v>
      </c>
      <c r="W31" s="8" t="s">
        <v>40</v>
      </c>
      <c r="X31" s="8" t="s">
        <v>44</v>
      </c>
      <c r="Y31" s="7" t="s">
        <v>45</v>
      </c>
      <c r="Z31" s="8" t="s">
        <v>394</v>
      </c>
      <c r="AA31" s="8" t="s">
        <v>40</v>
      </c>
      <c r="AB31" s="8" t="s">
        <v>47</v>
      </c>
      <c r="AC31" s="7" t="s">
        <v>40</v>
      </c>
      <c r="AD31" s="7" t="s">
        <v>395</v>
      </c>
    </row>
    <row r="32" spans="1:30" ht="30" x14ac:dyDescent="0.25">
      <c r="A32" s="7">
        <v>29</v>
      </c>
      <c r="B32" s="8" t="s">
        <v>396</v>
      </c>
      <c r="C32" s="8" t="s">
        <v>397</v>
      </c>
      <c r="D32" s="7" t="s">
        <v>398</v>
      </c>
      <c r="E32" s="8" t="s">
        <v>399</v>
      </c>
      <c r="F32" s="7">
        <v>20</v>
      </c>
      <c r="G32" s="9">
        <v>15</v>
      </c>
      <c r="H32" s="7">
        <v>48</v>
      </c>
      <c r="I32" s="7" t="s">
        <v>32</v>
      </c>
      <c r="J32" s="7" t="s">
        <v>400</v>
      </c>
      <c r="K32" s="7" t="s">
        <v>401</v>
      </c>
      <c r="L32" s="7" t="s">
        <v>402</v>
      </c>
      <c r="M32" s="7" t="s">
        <v>403</v>
      </c>
      <c r="N32" s="7">
        <v>359350</v>
      </c>
      <c r="O32" s="8" t="s">
        <v>404</v>
      </c>
      <c r="P32" s="7" t="s">
        <v>405</v>
      </c>
      <c r="Q32" s="7" t="s">
        <v>406</v>
      </c>
      <c r="R32" s="7" t="s">
        <v>407</v>
      </c>
      <c r="S32" s="7" t="s">
        <v>40</v>
      </c>
      <c r="T32" s="7" t="s">
        <v>40</v>
      </c>
      <c r="U32" s="7">
        <v>389350</v>
      </c>
      <c r="V32" s="8" t="s">
        <v>40</v>
      </c>
      <c r="W32" s="8" t="s">
        <v>43</v>
      </c>
      <c r="X32" s="8" t="s">
        <v>44</v>
      </c>
      <c r="Y32" s="7" t="s">
        <v>45</v>
      </c>
      <c r="Z32" s="8" t="s">
        <v>40</v>
      </c>
      <c r="AA32" s="8" t="s">
        <v>40</v>
      </c>
      <c r="AB32" s="8" t="s">
        <v>47</v>
      </c>
      <c r="AC32" s="7" t="s">
        <v>408</v>
      </c>
      <c r="AD32" s="7" t="s">
        <v>409</v>
      </c>
    </row>
    <row r="33" spans="1:30" x14ac:dyDescent="0.25">
      <c r="A33" s="7">
        <v>30</v>
      </c>
      <c r="B33" s="8" t="s">
        <v>396</v>
      </c>
      <c r="C33" s="8" t="s">
        <v>410</v>
      </c>
      <c r="D33" s="7" t="s">
        <v>411</v>
      </c>
      <c r="E33" s="8" t="s">
        <v>412</v>
      </c>
      <c r="F33" s="7">
        <v>5</v>
      </c>
      <c r="G33" s="9">
        <v>3.75</v>
      </c>
      <c r="H33" s="7">
        <v>52</v>
      </c>
      <c r="I33" s="7" t="s">
        <v>32</v>
      </c>
      <c r="J33" s="7" t="s">
        <v>38</v>
      </c>
      <c r="K33" s="7" t="s">
        <v>413</v>
      </c>
      <c r="L33" s="7" t="s">
        <v>414</v>
      </c>
      <c r="M33" s="7" t="s">
        <v>403</v>
      </c>
      <c r="N33" s="7">
        <v>370655</v>
      </c>
      <c r="O33" s="8" t="s">
        <v>415</v>
      </c>
      <c r="P33" s="7" t="s">
        <v>38</v>
      </c>
      <c r="Q33" s="7" t="s">
        <v>416</v>
      </c>
      <c r="R33" s="7" t="s">
        <v>40</v>
      </c>
      <c r="S33" s="7" t="s">
        <v>40</v>
      </c>
      <c r="T33" s="7" t="s">
        <v>414</v>
      </c>
      <c r="U33" s="7">
        <v>370655</v>
      </c>
      <c r="V33" s="8" t="s">
        <v>40</v>
      </c>
      <c r="W33" s="8" t="s">
        <v>43</v>
      </c>
      <c r="X33" s="8" t="s">
        <v>44</v>
      </c>
      <c r="Y33" s="7" t="s">
        <v>45</v>
      </c>
      <c r="Z33" s="8" t="s">
        <v>40</v>
      </c>
      <c r="AA33" s="8" t="s">
        <v>40</v>
      </c>
      <c r="AB33" s="8" t="s">
        <v>47</v>
      </c>
      <c r="AC33" s="7" t="s">
        <v>417</v>
      </c>
      <c r="AD33" s="7" t="s">
        <v>418</v>
      </c>
    </row>
    <row r="34" spans="1:30" ht="30" x14ac:dyDescent="0.25">
      <c r="A34" s="7">
        <v>31</v>
      </c>
      <c r="B34" s="8" t="s">
        <v>419</v>
      </c>
      <c r="C34" s="8" t="s">
        <v>420</v>
      </c>
      <c r="D34" s="7" t="s">
        <v>421</v>
      </c>
      <c r="E34" s="8" t="s">
        <v>422</v>
      </c>
      <c r="F34" s="7">
        <v>50</v>
      </c>
      <c r="G34" s="9">
        <v>37.5</v>
      </c>
      <c r="H34" s="7">
        <v>54</v>
      </c>
      <c r="I34" s="7" t="s">
        <v>32</v>
      </c>
      <c r="J34" s="7" t="s">
        <v>423</v>
      </c>
      <c r="K34" s="7" t="s">
        <v>424</v>
      </c>
      <c r="L34" s="7" t="s">
        <v>425</v>
      </c>
      <c r="M34" s="7" t="s">
        <v>426</v>
      </c>
      <c r="N34" s="7">
        <v>380007</v>
      </c>
      <c r="O34" s="8" t="s">
        <v>427</v>
      </c>
      <c r="P34" s="7" t="s">
        <v>428</v>
      </c>
      <c r="Q34" s="7" t="s">
        <v>429</v>
      </c>
      <c r="R34" s="7" t="s">
        <v>430</v>
      </c>
      <c r="S34" s="7" t="s">
        <v>431</v>
      </c>
      <c r="T34" s="7" t="s">
        <v>426</v>
      </c>
      <c r="U34" s="7">
        <v>380006</v>
      </c>
      <c r="V34" s="8" t="s">
        <v>432</v>
      </c>
      <c r="W34" s="8" t="s">
        <v>433</v>
      </c>
      <c r="X34" s="8" t="s">
        <v>44</v>
      </c>
      <c r="Y34" s="7" t="s">
        <v>45</v>
      </c>
      <c r="Z34" s="8" t="s">
        <v>434</v>
      </c>
      <c r="AA34" s="8" t="s">
        <v>40</v>
      </c>
      <c r="AB34" s="8" t="s">
        <v>47</v>
      </c>
      <c r="AC34" s="7" t="s">
        <v>40</v>
      </c>
      <c r="AD34" s="7" t="s">
        <v>435</v>
      </c>
    </row>
    <row r="35" spans="1:30" ht="30" x14ac:dyDescent="0.25">
      <c r="A35" s="7">
        <v>32</v>
      </c>
      <c r="B35" s="8" t="s">
        <v>436</v>
      </c>
      <c r="C35" s="8" t="s">
        <v>437</v>
      </c>
      <c r="D35" s="7" t="s">
        <v>438</v>
      </c>
      <c r="E35" s="8" t="s">
        <v>439</v>
      </c>
      <c r="F35" s="7">
        <v>25</v>
      </c>
      <c r="G35" s="9">
        <v>18.75</v>
      </c>
      <c r="H35" s="7">
        <v>56</v>
      </c>
      <c r="I35" s="7" t="s">
        <v>32</v>
      </c>
      <c r="J35" s="7" t="s">
        <v>440</v>
      </c>
      <c r="K35" s="7" t="s">
        <v>441</v>
      </c>
      <c r="L35" s="7" t="s">
        <v>40</v>
      </c>
      <c r="M35" s="7" t="s">
        <v>442</v>
      </c>
      <c r="N35" s="7">
        <v>380028</v>
      </c>
      <c r="O35" s="8" t="s">
        <v>443</v>
      </c>
      <c r="P35" s="7" t="s">
        <v>444</v>
      </c>
      <c r="Q35" s="7" t="s">
        <v>445</v>
      </c>
      <c r="R35" s="7" t="s">
        <v>40</v>
      </c>
      <c r="S35" s="7" t="s">
        <v>40</v>
      </c>
      <c r="T35" s="7" t="s">
        <v>445</v>
      </c>
      <c r="U35" s="7">
        <v>1</v>
      </c>
      <c r="V35" s="8" t="s">
        <v>446</v>
      </c>
      <c r="W35" s="8" t="s">
        <v>43</v>
      </c>
      <c r="X35" s="8" t="s">
        <v>44</v>
      </c>
      <c r="Y35" s="7" t="s">
        <v>45</v>
      </c>
      <c r="Z35" s="8" t="s">
        <v>447</v>
      </c>
      <c r="AA35" s="8" t="s">
        <v>40</v>
      </c>
      <c r="AB35" s="8" t="s">
        <v>47</v>
      </c>
      <c r="AC35" s="7" t="s">
        <v>40</v>
      </c>
      <c r="AD35" s="7" t="s">
        <v>448</v>
      </c>
    </row>
    <row r="36" spans="1:30" ht="30" x14ac:dyDescent="0.25">
      <c r="A36" s="7">
        <v>33</v>
      </c>
      <c r="B36" s="8" t="s">
        <v>276</v>
      </c>
      <c r="C36" s="8" t="s">
        <v>449</v>
      </c>
      <c r="D36" s="7" t="s">
        <v>450</v>
      </c>
      <c r="E36" s="8" t="s">
        <v>451</v>
      </c>
      <c r="F36" s="7">
        <v>115</v>
      </c>
      <c r="G36" s="9">
        <v>86.25</v>
      </c>
      <c r="H36" s="7">
        <v>61</v>
      </c>
      <c r="I36" s="7" t="s">
        <v>32</v>
      </c>
      <c r="J36" s="7" t="s">
        <v>452</v>
      </c>
      <c r="K36" s="7" t="s">
        <v>40</v>
      </c>
      <c r="L36" s="7" t="s">
        <v>40</v>
      </c>
      <c r="M36" s="7" t="s">
        <v>453</v>
      </c>
      <c r="N36" s="7">
        <v>384265</v>
      </c>
      <c r="O36" s="8" t="s">
        <v>454</v>
      </c>
      <c r="P36" s="7" t="s">
        <v>455</v>
      </c>
      <c r="Q36" s="7" t="s">
        <v>456</v>
      </c>
      <c r="R36" s="7" t="s">
        <v>40</v>
      </c>
      <c r="S36" s="7" t="s">
        <v>40</v>
      </c>
      <c r="T36" s="7" t="s">
        <v>456</v>
      </c>
      <c r="U36" s="7">
        <v>1</v>
      </c>
      <c r="V36" s="8" t="s">
        <v>457</v>
      </c>
      <c r="W36" s="8" t="s">
        <v>43</v>
      </c>
      <c r="X36" s="8" t="s">
        <v>44</v>
      </c>
      <c r="Y36" s="7" t="s">
        <v>458</v>
      </c>
      <c r="Z36" s="8" t="s">
        <v>459</v>
      </c>
      <c r="AA36" s="8" t="s">
        <v>40</v>
      </c>
      <c r="AB36" s="8" t="s">
        <v>47</v>
      </c>
      <c r="AC36" s="7" t="s">
        <v>460</v>
      </c>
      <c r="AD36" s="7" t="s">
        <v>461</v>
      </c>
    </row>
    <row r="37" spans="1:30" ht="30" x14ac:dyDescent="0.25">
      <c r="A37" s="7">
        <v>34</v>
      </c>
      <c r="B37" s="8" t="s">
        <v>462</v>
      </c>
      <c r="C37" s="8" t="s">
        <v>463</v>
      </c>
      <c r="D37" s="7" t="s">
        <v>464</v>
      </c>
      <c r="E37" s="8" t="s">
        <v>465</v>
      </c>
      <c r="F37" s="7">
        <v>30</v>
      </c>
      <c r="G37" s="9">
        <v>22.5</v>
      </c>
      <c r="H37" s="7">
        <v>63</v>
      </c>
      <c r="I37" s="7" t="s">
        <v>32</v>
      </c>
      <c r="J37" s="7" t="s">
        <v>466</v>
      </c>
      <c r="K37" s="7" t="s">
        <v>467</v>
      </c>
      <c r="L37" s="7" t="s">
        <v>40</v>
      </c>
      <c r="M37" s="7" t="s">
        <v>468</v>
      </c>
      <c r="N37" s="7">
        <v>388325</v>
      </c>
      <c r="O37" s="8" t="s">
        <v>469</v>
      </c>
      <c r="P37" s="7" t="s">
        <v>369</v>
      </c>
      <c r="Q37" s="7" t="s">
        <v>470</v>
      </c>
      <c r="R37" s="7" t="s">
        <v>40</v>
      </c>
      <c r="S37" s="7" t="s">
        <v>40</v>
      </c>
      <c r="T37" s="7" t="s">
        <v>471</v>
      </c>
      <c r="U37" s="7">
        <v>388325</v>
      </c>
      <c r="V37" s="8" t="s">
        <v>472</v>
      </c>
      <c r="W37" s="8" t="s">
        <v>43</v>
      </c>
      <c r="X37" s="8" t="s">
        <v>44</v>
      </c>
      <c r="Y37" s="7" t="s">
        <v>45</v>
      </c>
      <c r="Z37" s="8" t="s">
        <v>473</v>
      </c>
      <c r="AA37" s="8" t="s">
        <v>40</v>
      </c>
      <c r="AB37" s="8" t="s">
        <v>47</v>
      </c>
      <c r="AC37" s="7" t="s">
        <v>40</v>
      </c>
      <c r="AD37" s="7" t="s">
        <v>474</v>
      </c>
    </row>
    <row r="38" spans="1:30" ht="30" x14ac:dyDescent="0.25">
      <c r="A38" s="7">
        <v>35</v>
      </c>
      <c r="B38" s="8" t="s">
        <v>475</v>
      </c>
      <c r="C38" s="8" t="s">
        <v>476</v>
      </c>
      <c r="D38" s="7" t="s">
        <v>477</v>
      </c>
      <c r="E38" s="8" t="s">
        <v>478</v>
      </c>
      <c r="F38" s="7">
        <v>50</v>
      </c>
      <c r="G38" s="9">
        <v>37.5</v>
      </c>
      <c r="H38" s="7">
        <v>66</v>
      </c>
      <c r="I38" s="7" t="s">
        <v>32</v>
      </c>
      <c r="J38" s="7" t="s">
        <v>479</v>
      </c>
      <c r="K38" s="7" t="s">
        <v>480</v>
      </c>
      <c r="L38" s="7" t="s">
        <v>40</v>
      </c>
      <c r="M38" s="7" t="s">
        <v>481</v>
      </c>
      <c r="N38" s="7">
        <v>390020</v>
      </c>
      <c r="O38" s="8" t="s">
        <v>482</v>
      </c>
      <c r="P38" s="7" t="s">
        <v>483</v>
      </c>
      <c r="Q38" s="7" t="s">
        <v>484</v>
      </c>
      <c r="R38" s="7" t="s">
        <v>40</v>
      </c>
      <c r="S38" s="7" t="s">
        <v>40</v>
      </c>
      <c r="T38" s="7" t="s">
        <v>485</v>
      </c>
      <c r="U38" s="7">
        <v>390007</v>
      </c>
      <c r="V38" s="8" t="s">
        <v>40</v>
      </c>
      <c r="W38" s="8" t="s">
        <v>43</v>
      </c>
      <c r="X38" s="8" t="s">
        <v>44</v>
      </c>
      <c r="Y38" s="7" t="s">
        <v>45</v>
      </c>
      <c r="Z38" s="8" t="s">
        <v>486</v>
      </c>
      <c r="AA38" s="8" t="s">
        <v>40</v>
      </c>
      <c r="AB38" s="8" t="s">
        <v>47</v>
      </c>
      <c r="AC38" s="7" t="s">
        <v>487</v>
      </c>
      <c r="AD38" s="7" t="s">
        <v>488</v>
      </c>
    </row>
    <row r="39" spans="1:30" ht="30" x14ac:dyDescent="0.25">
      <c r="A39" s="7">
        <v>36</v>
      </c>
      <c r="B39" s="8" t="s">
        <v>489</v>
      </c>
      <c r="C39" s="8" t="s">
        <v>490</v>
      </c>
      <c r="D39" s="7" t="s">
        <v>491</v>
      </c>
      <c r="E39" s="8" t="s">
        <v>492</v>
      </c>
      <c r="F39" s="7">
        <v>50</v>
      </c>
      <c r="G39" s="9">
        <v>37.5</v>
      </c>
      <c r="H39" s="7">
        <v>67</v>
      </c>
      <c r="I39" s="7" t="s">
        <v>32</v>
      </c>
      <c r="J39" s="7" t="s">
        <v>493</v>
      </c>
      <c r="K39" s="7" t="s">
        <v>494</v>
      </c>
      <c r="L39" s="7" t="s">
        <v>485</v>
      </c>
      <c r="M39" s="7" t="s">
        <v>40</v>
      </c>
      <c r="N39" s="7">
        <v>391440</v>
      </c>
      <c r="O39" s="8" t="s">
        <v>495</v>
      </c>
      <c r="P39" s="7" t="s">
        <v>496</v>
      </c>
      <c r="Q39" s="7" t="s">
        <v>497</v>
      </c>
      <c r="R39" s="7" t="s">
        <v>40</v>
      </c>
      <c r="S39" s="7" t="s">
        <v>40</v>
      </c>
      <c r="T39" s="7" t="s">
        <v>485</v>
      </c>
      <c r="U39" s="7" t="s">
        <v>40</v>
      </c>
      <c r="V39" s="8" t="s">
        <v>498</v>
      </c>
      <c r="W39" s="8" t="s">
        <v>43</v>
      </c>
      <c r="X39" s="8" t="s">
        <v>44</v>
      </c>
      <c r="Y39" s="7" t="s">
        <v>45</v>
      </c>
      <c r="Z39" s="8" t="s">
        <v>40</v>
      </c>
      <c r="AA39" s="8" t="s">
        <v>40</v>
      </c>
      <c r="AB39" s="8" t="s">
        <v>47</v>
      </c>
      <c r="AC39" s="7" t="s">
        <v>40</v>
      </c>
      <c r="AD39" s="7" t="s">
        <v>499</v>
      </c>
    </row>
    <row r="40" spans="1:30" x14ac:dyDescent="0.25">
      <c r="A40" s="7">
        <v>37</v>
      </c>
      <c r="B40" s="8" t="s">
        <v>500</v>
      </c>
      <c r="C40" s="8" t="s">
        <v>501</v>
      </c>
      <c r="D40" s="7" t="s">
        <v>502</v>
      </c>
      <c r="E40" s="8" t="s">
        <v>503</v>
      </c>
      <c r="F40" s="7">
        <v>200</v>
      </c>
      <c r="G40" s="9">
        <v>150</v>
      </c>
      <c r="H40" s="7">
        <v>68</v>
      </c>
      <c r="I40" s="7" t="s">
        <v>32</v>
      </c>
      <c r="J40" s="7" t="s">
        <v>504</v>
      </c>
      <c r="K40" s="7" t="s">
        <v>505</v>
      </c>
      <c r="L40" s="7" t="s">
        <v>40</v>
      </c>
      <c r="M40" s="7" t="s">
        <v>506</v>
      </c>
      <c r="N40" s="7">
        <v>395007</v>
      </c>
      <c r="O40" s="8" t="s">
        <v>507</v>
      </c>
      <c r="P40" s="7" t="s">
        <v>508</v>
      </c>
      <c r="Q40" s="7" t="s">
        <v>506</v>
      </c>
      <c r="R40" s="7" t="s">
        <v>40</v>
      </c>
      <c r="S40" s="7" t="s">
        <v>40</v>
      </c>
      <c r="T40" s="7" t="s">
        <v>506</v>
      </c>
      <c r="U40" s="7">
        <v>395007</v>
      </c>
      <c r="V40" s="8" t="s">
        <v>40</v>
      </c>
      <c r="W40" s="8" t="s">
        <v>43</v>
      </c>
      <c r="X40" s="8" t="s">
        <v>44</v>
      </c>
      <c r="Y40" s="7" t="s">
        <v>45</v>
      </c>
      <c r="Z40" s="8" t="s">
        <v>509</v>
      </c>
      <c r="AA40" s="8" t="s">
        <v>40</v>
      </c>
      <c r="AB40" s="8" t="s">
        <v>47</v>
      </c>
      <c r="AC40" s="7" t="s">
        <v>510</v>
      </c>
      <c r="AD40" s="7" t="s">
        <v>511</v>
      </c>
    </row>
    <row r="41" spans="1:30" ht="30" x14ac:dyDescent="0.25">
      <c r="A41" s="7">
        <v>38</v>
      </c>
      <c r="B41" s="8" t="s">
        <v>512</v>
      </c>
      <c r="C41" s="8" t="s">
        <v>513</v>
      </c>
      <c r="D41" s="7" t="s">
        <v>514</v>
      </c>
      <c r="E41" s="8" t="s">
        <v>515</v>
      </c>
      <c r="F41" s="7">
        <v>20</v>
      </c>
      <c r="G41" s="9">
        <v>15</v>
      </c>
      <c r="H41" s="7">
        <v>70</v>
      </c>
      <c r="I41" s="7" t="s">
        <v>32</v>
      </c>
      <c r="J41" s="7" t="s">
        <v>516</v>
      </c>
      <c r="K41" s="7" t="s">
        <v>517</v>
      </c>
      <c r="L41" s="7" t="s">
        <v>40</v>
      </c>
      <c r="M41" s="7" t="s">
        <v>518</v>
      </c>
      <c r="N41" s="7">
        <v>396191</v>
      </c>
      <c r="O41" s="8" t="s">
        <v>519</v>
      </c>
      <c r="P41" s="7" t="s">
        <v>520</v>
      </c>
      <c r="Q41" s="7" t="s">
        <v>521</v>
      </c>
      <c r="R41" s="7" t="s">
        <v>40</v>
      </c>
      <c r="S41" s="7" t="s">
        <v>40</v>
      </c>
      <c r="T41" s="7" t="s">
        <v>521</v>
      </c>
      <c r="U41" s="7">
        <v>1</v>
      </c>
      <c r="V41" s="8" t="s">
        <v>522</v>
      </c>
      <c r="W41" s="8" t="s">
        <v>43</v>
      </c>
      <c r="X41" s="8" t="s">
        <v>44</v>
      </c>
      <c r="Y41" s="7" t="s">
        <v>45</v>
      </c>
      <c r="Z41" s="8" t="s">
        <v>523</v>
      </c>
      <c r="AA41" s="8" t="s">
        <v>40</v>
      </c>
      <c r="AB41" s="8" t="s">
        <v>47</v>
      </c>
      <c r="AC41" s="7" t="s">
        <v>524</v>
      </c>
      <c r="AD41" s="7" t="s">
        <v>525</v>
      </c>
    </row>
    <row r="42" spans="1:30" x14ac:dyDescent="0.25">
      <c r="A42" s="7">
        <v>39</v>
      </c>
      <c r="B42" s="8" t="s">
        <v>526</v>
      </c>
      <c r="C42" s="8" t="s">
        <v>527</v>
      </c>
      <c r="D42" s="7" t="s">
        <v>528</v>
      </c>
      <c r="E42" s="8" t="s">
        <v>529</v>
      </c>
      <c r="F42" s="7">
        <v>200</v>
      </c>
      <c r="G42" s="9">
        <v>150</v>
      </c>
      <c r="H42" s="7">
        <v>73</v>
      </c>
      <c r="I42" s="7" t="s">
        <v>32</v>
      </c>
      <c r="J42" s="7" t="s">
        <v>530</v>
      </c>
      <c r="K42" s="7" t="s">
        <v>531</v>
      </c>
      <c r="L42" s="7" t="s">
        <v>532</v>
      </c>
      <c r="M42" s="7" t="s">
        <v>533</v>
      </c>
      <c r="N42" s="7">
        <v>400052</v>
      </c>
      <c r="O42" s="8" t="s">
        <v>534</v>
      </c>
      <c r="P42" s="7" t="s">
        <v>38</v>
      </c>
      <c r="Q42" s="7" t="s">
        <v>535</v>
      </c>
      <c r="R42" s="7" t="s">
        <v>536</v>
      </c>
      <c r="S42" s="7" t="s">
        <v>40</v>
      </c>
      <c r="T42" s="7" t="s">
        <v>533</v>
      </c>
      <c r="U42" s="7">
        <v>400052</v>
      </c>
      <c r="V42" s="8" t="s">
        <v>40</v>
      </c>
      <c r="W42" s="8" t="s">
        <v>43</v>
      </c>
      <c r="X42" s="8" t="s">
        <v>44</v>
      </c>
      <c r="Y42" s="7" t="s">
        <v>45</v>
      </c>
      <c r="Z42" s="8" t="s">
        <v>537</v>
      </c>
      <c r="AA42" s="8" t="s">
        <v>40</v>
      </c>
      <c r="AB42" s="8" t="s">
        <v>47</v>
      </c>
      <c r="AC42" s="7" t="s">
        <v>40</v>
      </c>
      <c r="AD42" s="7" t="s">
        <v>538</v>
      </c>
    </row>
    <row r="43" spans="1:30" x14ac:dyDescent="0.25">
      <c r="A43" s="7">
        <v>40</v>
      </c>
      <c r="B43" s="8" t="s">
        <v>475</v>
      </c>
      <c r="C43" s="8" t="s">
        <v>539</v>
      </c>
      <c r="D43" s="7" t="s">
        <v>540</v>
      </c>
      <c r="E43" s="8" t="s">
        <v>541</v>
      </c>
      <c r="F43" s="7">
        <v>20</v>
      </c>
      <c r="G43" s="9">
        <v>15</v>
      </c>
      <c r="H43" s="7">
        <v>80</v>
      </c>
      <c r="I43" s="7" t="s">
        <v>32</v>
      </c>
      <c r="J43" s="7" t="s">
        <v>542</v>
      </c>
      <c r="K43" s="7" t="s">
        <v>543</v>
      </c>
      <c r="L43" s="7" t="s">
        <v>544</v>
      </c>
      <c r="M43" s="7" t="s">
        <v>533</v>
      </c>
      <c r="N43" s="7">
        <v>400071</v>
      </c>
      <c r="O43" s="8" t="s">
        <v>545</v>
      </c>
      <c r="P43" s="7" t="s">
        <v>546</v>
      </c>
      <c r="Q43" s="7" t="s">
        <v>547</v>
      </c>
      <c r="R43" s="7" t="s">
        <v>548</v>
      </c>
      <c r="S43" s="7" t="s">
        <v>549</v>
      </c>
      <c r="T43" s="7" t="s">
        <v>533</v>
      </c>
      <c r="U43" s="7">
        <v>400098</v>
      </c>
      <c r="V43" s="8" t="s">
        <v>40</v>
      </c>
      <c r="W43" s="8" t="s">
        <v>43</v>
      </c>
      <c r="X43" s="8" t="s">
        <v>44</v>
      </c>
      <c r="Y43" s="7" t="s">
        <v>45</v>
      </c>
      <c r="Z43" s="8" t="s">
        <v>550</v>
      </c>
      <c r="AA43" s="8" t="s">
        <v>40</v>
      </c>
      <c r="AB43" s="8" t="s">
        <v>47</v>
      </c>
      <c r="AC43" s="7" t="s">
        <v>551</v>
      </c>
      <c r="AD43" s="7" t="s">
        <v>552</v>
      </c>
    </row>
    <row r="44" spans="1:30" ht="16.5" customHeight="1" x14ac:dyDescent="0.25">
      <c r="A44" s="7">
        <v>41</v>
      </c>
      <c r="B44" s="8" t="s">
        <v>396</v>
      </c>
      <c r="C44" s="8" t="s">
        <v>553</v>
      </c>
      <c r="D44" s="7" t="s">
        <v>554</v>
      </c>
      <c r="E44" s="8" t="s">
        <v>555</v>
      </c>
      <c r="F44" s="7">
        <v>18</v>
      </c>
      <c r="G44" s="9">
        <v>13.5</v>
      </c>
      <c r="H44" s="7">
        <v>82</v>
      </c>
      <c r="I44" s="7" t="s">
        <v>32</v>
      </c>
      <c r="J44" s="7" t="s">
        <v>556</v>
      </c>
      <c r="K44" s="7" t="s">
        <v>557</v>
      </c>
      <c r="L44" s="7" t="s">
        <v>533</v>
      </c>
      <c r="M44" s="7" t="s">
        <v>558</v>
      </c>
      <c r="N44" s="7">
        <v>400086</v>
      </c>
      <c r="O44" s="8" t="s">
        <v>559</v>
      </c>
      <c r="P44" s="7" t="s">
        <v>560</v>
      </c>
      <c r="Q44" s="7" t="s">
        <v>561</v>
      </c>
      <c r="R44" s="7" t="s">
        <v>533</v>
      </c>
      <c r="S44" s="7" t="s">
        <v>40</v>
      </c>
      <c r="T44" s="7" t="s">
        <v>533</v>
      </c>
      <c r="U44" s="7">
        <v>400070</v>
      </c>
      <c r="V44" s="8" t="s">
        <v>562</v>
      </c>
      <c r="W44" s="8" t="s">
        <v>43</v>
      </c>
      <c r="X44" s="8" t="s">
        <v>44</v>
      </c>
      <c r="Y44" s="7" t="s">
        <v>45</v>
      </c>
      <c r="Z44" s="8" t="s">
        <v>563</v>
      </c>
      <c r="AA44" s="8" t="s">
        <v>40</v>
      </c>
      <c r="AB44" s="8" t="s">
        <v>47</v>
      </c>
      <c r="AC44" s="7" t="s">
        <v>564</v>
      </c>
      <c r="AD44" s="7" t="s">
        <v>565</v>
      </c>
    </row>
    <row r="45" spans="1:30" ht="30" x14ac:dyDescent="0.25">
      <c r="A45" s="7">
        <v>42</v>
      </c>
      <c r="B45" s="8" t="s">
        <v>566</v>
      </c>
      <c r="C45" s="8" t="s">
        <v>567</v>
      </c>
      <c r="D45" s="7" t="s">
        <v>568</v>
      </c>
      <c r="E45" s="8" t="s">
        <v>569</v>
      </c>
      <c r="F45" s="7">
        <v>100</v>
      </c>
      <c r="G45" s="9">
        <v>75</v>
      </c>
      <c r="H45" s="7">
        <v>85</v>
      </c>
      <c r="I45" s="7" t="s">
        <v>32</v>
      </c>
      <c r="J45" s="7" t="s">
        <v>570</v>
      </c>
      <c r="K45" s="7" t="s">
        <v>571</v>
      </c>
      <c r="L45" s="7" t="s">
        <v>572</v>
      </c>
      <c r="M45" s="7" t="s">
        <v>573</v>
      </c>
      <c r="N45" s="7">
        <v>400612</v>
      </c>
      <c r="O45" s="8" t="s">
        <v>574</v>
      </c>
      <c r="P45" s="7" t="s">
        <v>575</v>
      </c>
      <c r="Q45" s="7" t="s">
        <v>576</v>
      </c>
      <c r="R45" s="7" t="s">
        <v>40</v>
      </c>
      <c r="S45" s="7" t="s">
        <v>40</v>
      </c>
      <c r="T45" s="7" t="s">
        <v>533</v>
      </c>
      <c r="U45" s="7" t="s">
        <v>40</v>
      </c>
      <c r="V45" s="8" t="s">
        <v>577</v>
      </c>
      <c r="W45" s="8" t="s">
        <v>43</v>
      </c>
      <c r="X45" s="8" t="s">
        <v>44</v>
      </c>
      <c r="Y45" s="7" t="s">
        <v>45</v>
      </c>
      <c r="Z45" s="8" t="s">
        <v>578</v>
      </c>
      <c r="AA45" s="8" t="s">
        <v>40</v>
      </c>
      <c r="AB45" s="8" t="s">
        <v>47</v>
      </c>
      <c r="AC45" s="7" t="s">
        <v>40</v>
      </c>
      <c r="AD45" s="7" t="s">
        <v>579</v>
      </c>
    </row>
    <row r="46" spans="1:30" ht="30" x14ac:dyDescent="0.25">
      <c r="A46" s="7">
        <v>43</v>
      </c>
      <c r="B46" s="8" t="s">
        <v>580</v>
      </c>
      <c r="C46" s="8" t="s">
        <v>581</v>
      </c>
      <c r="D46" s="7" t="s">
        <v>582</v>
      </c>
      <c r="E46" s="8" t="s">
        <v>583</v>
      </c>
      <c r="F46" s="7">
        <v>2</v>
      </c>
      <c r="G46" s="9">
        <v>1.5</v>
      </c>
      <c r="H46" s="7">
        <v>87</v>
      </c>
      <c r="I46" s="7" t="s">
        <v>32</v>
      </c>
      <c r="J46" s="7" t="s">
        <v>584</v>
      </c>
      <c r="K46" s="7" t="s">
        <v>585</v>
      </c>
      <c r="L46" s="7" t="s">
        <v>586</v>
      </c>
      <c r="M46" s="7" t="s">
        <v>587</v>
      </c>
      <c r="N46" s="7">
        <v>411007</v>
      </c>
      <c r="O46" s="8" t="s">
        <v>588</v>
      </c>
      <c r="P46" s="7" t="s">
        <v>589</v>
      </c>
      <c r="Q46" s="7" t="s">
        <v>590</v>
      </c>
      <c r="R46" s="7" t="s">
        <v>40</v>
      </c>
      <c r="S46" s="7" t="s">
        <v>40</v>
      </c>
      <c r="T46" s="7" t="s">
        <v>591</v>
      </c>
      <c r="U46" s="7" t="s">
        <v>40</v>
      </c>
      <c r="V46" s="8" t="s">
        <v>592</v>
      </c>
      <c r="W46" s="8" t="s">
        <v>43</v>
      </c>
      <c r="X46" s="8" t="s">
        <v>44</v>
      </c>
      <c r="Y46" s="7" t="s">
        <v>45</v>
      </c>
      <c r="Z46" s="8" t="s">
        <v>593</v>
      </c>
      <c r="AA46" s="8" t="s">
        <v>40</v>
      </c>
      <c r="AB46" s="8" t="s">
        <v>47</v>
      </c>
      <c r="AC46" s="7" t="s">
        <v>594</v>
      </c>
      <c r="AD46" s="7" t="s">
        <v>595</v>
      </c>
    </row>
    <row r="47" spans="1:30" ht="30" x14ac:dyDescent="0.25">
      <c r="A47" s="7">
        <v>44</v>
      </c>
      <c r="B47" s="8" t="s">
        <v>335</v>
      </c>
      <c r="C47" s="8" t="s">
        <v>596</v>
      </c>
      <c r="D47" s="7" t="s">
        <v>597</v>
      </c>
      <c r="E47" s="8" t="s">
        <v>598</v>
      </c>
      <c r="F47" s="7">
        <v>5</v>
      </c>
      <c r="G47" s="9">
        <v>3.75</v>
      </c>
      <c r="H47" s="7">
        <v>89</v>
      </c>
      <c r="I47" s="7" t="s">
        <v>32</v>
      </c>
      <c r="J47" s="7" t="s">
        <v>599</v>
      </c>
      <c r="K47" s="7" t="s">
        <v>600</v>
      </c>
      <c r="L47" s="7" t="s">
        <v>601</v>
      </c>
      <c r="M47" s="7" t="s">
        <v>587</v>
      </c>
      <c r="N47" s="7">
        <v>413102</v>
      </c>
      <c r="O47" s="8" t="s">
        <v>602</v>
      </c>
      <c r="P47" s="7" t="s">
        <v>444</v>
      </c>
      <c r="Q47" s="7" t="s">
        <v>445</v>
      </c>
      <c r="R47" s="7" t="s">
        <v>40</v>
      </c>
      <c r="S47" s="7" t="s">
        <v>40</v>
      </c>
      <c r="T47" s="7" t="s">
        <v>445</v>
      </c>
      <c r="U47" s="7">
        <v>1</v>
      </c>
      <c r="V47" s="8" t="s">
        <v>446</v>
      </c>
      <c r="W47" s="8" t="s">
        <v>43</v>
      </c>
      <c r="X47" s="8" t="s">
        <v>44</v>
      </c>
      <c r="Y47" s="7" t="s">
        <v>45</v>
      </c>
      <c r="Z47" s="8" t="s">
        <v>603</v>
      </c>
      <c r="AA47" s="8" t="s">
        <v>40</v>
      </c>
      <c r="AB47" s="8" t="s">
        <v>47</v>
      </c>
      <c r="AC47" s="7" t="s">
        <v>604</v>
      </c>
      <c r="AD47" s="7" t="s">
        <v>605</v>
      </c>
    </row>
    <row r="48" spans="1:30" ht="30" x14ac:dyDescent="0.25">
      <c r="A48" s="7">
        <v>45</v>
      </c>
      <c r="B48" s="8" t="s">
        <v>606</v>
      </c>
      <c r="C48" s="8" t="s">
        <v>607</v>
      </c>
      <c r="D48" s="7" t="s">
        <v>608</v>
      </c>
      <c r="E48" s="8" t="s">
        <v>609</v>
      </c>
      <c r="F48" s="7">
        <v>15</v>
      </c>
      <c r="G48" s="9">
        <v>11.25</v>
      </c>
      <c r="H48" s="7">
        <v>90</v>
      </c>
      <c r="I48" s="7" t="s">
        <v>32</v>
      </c>
      <c r="J48" s="7" t="s">
        <v>610</v>
      </c>
      <c r="K48" s="7" t="s">
        <v>611</v>
      </c>
      <c r="L48" s="7" t="s">
        <v>612</v>
      </c>
      <c r="M48" s="7" t="s">
        <v>613</v>
      </c>
      <c r="N48" s="7">
        <v>414001</v>
      </c>
      <c r="O48" s="8" t="s">
        <v>614</v>
      </c>
      <c r="P48" s="7" t="s">
        <v>615</v>
      </c>
      <c r="Q48" s="7" t="s">
        <v>616</v>
      </c>
      <c r="R48" s="7" t="s">
        <v>40</v>
      </c>
      <c r="S48" s="7" t="s">
        <v>40</v>
      </c>
      <c r="T48" s="7" t="s">
        <v>616</v>
      </c>
      <c r="U48" s="7">
        <v>1</v>
      </c>
      <c r="V48" s="8" t="s">
        <v>617</v>
      </c>
      <c r="W48" s="8" t="s">
        <v>43</v>
      </c>
      <c r="X48" s="8" t="s">
        <v>44</v>
      </c>
      <c r="Y48" s="7" t="s">
        <v>45</v>
      </c>
      <c r="Z48" s="8" t="s">
        <v>618</v>
      </c>
      <c r="AA48" s="8" t="s">
        <v>40</v>
      </c>
      <c r="AB48" s="8" t="s">
        <v>47</v>
      </c>
      <c r="AC48" s="7" t="s">
        <v>40</v>
      </c>
      <c r="AD48" s="7" t="s">
        <v>619</v>
      </c>
    </row>
    <row r="49" spans="1:30" ht="30" x14ac:dyDescent="0.25">
      <c r="A49" s="7">
        <v>46</v>
      </c>
      <c r="B49" s="8" t="s">
        <v>396</v>
      </c>
      <c r="C49" s="8" t="s">
        <v>620</v>
      </c>
      <c r="D49" s="7" t="s">
        <v>621</v>
      </c>
      <c r="E49" s="8" t="s">
        <v>622</v>
      </c>
      <c r="F49" s="7">
        <v>2</v>
      </c>
      <c r="G49" s="9">
        <v>1.5</v>
      </c>
      <c r="H49" s="7">
        <v>93</v>
      </c>
      <c r="I49" s="7" t="s">
        <v>32</v>
      </c>
      <c r="J49" s="7" t="s">
        <v>623</v>
      </c>
      <c r="K49" s="7" t="s">
        <v>624</v>
      </c>
      <c r="L49" s="7" t="s">
        <v>625</v>
      </c>
      <c r="M49" s="7" t="s">
        <v>626</v>
      </c>
      <c r="N49" s="7">
        <v>422101</v>
      </c>
      <c r="O49" s="8" t="s">
        <v>627</v>
      </c>
      <c r="P49" s="7" t="s">
        <v>628</v>
      </c>
      <c r="Q49" s="7" t="s">
        <v>629</v>
      </c>
      <c r="R49" s="7" t="s">
        <v>630</v>
      </c>
      <c r="S49" s="7" t="s">
        <v>631</v>
      </c>
      <c r="T49" s="7" t="s">
        <v>632</v>
      </c>
      <c r="U49" s="7">
        <v>422002</v>
      </c>
      <c r="V49" s="8" t="s">
        <v>40</v>
      </c>
      <c r="W49" s="8" t="s">
        <v>43</v>
      </c>
      <c r="X49" s="8" t="s">
        <v>44</v>
      </c>
      <c r="Y49" s="7" t="s">
        <v>45</v>
      </c>
      <c r="Z49" s="8" t="s">
        <v>40</v>
      </c>
      <c r="AA49" s="8" t="s">
        <v>40</v>
      </c>
      <c r="AB49" s="8" t="s">
        <v>47</v>
      </c>
      <c r="AC49" s="7" t="s">
        <v>633</v>
      </c>
      <c r="AD49" s="7" t="s">
        <v>634</v>
      </c>
    </row>
    <row r="50" spans="1:30" x14ac:dyDescent="0.25">
      <c r="A50" s="7">
        <v>47</v>
      </c>
      <c r="B50" s="8" t="s">
        <v>235</v>
      </c>
      <c r="C50" s="8" t="s">
        <v>635</v>
      </c>
      <c r="D50" s="7" t="s">
        <v>636</v>
      </c>
      <c r="E50" s="8" t="s">
        <v>637</v>
      </c>
      <c r="F50" s="7">
        <v>25</v>
      </c>
      <c r="G50" s="9">
        <v>18.75</v>
      </c>
      <c r="H50" s="7">
        <v>94</v>
      </c>
      <c r="I50" s="7" t="s">
        <v>32</v>
      </c>
      <c r="J50" s="7" t="s">
        <v>638</v>
      </c>
      <c r="K50" s="7" t="s">
        <v>40</v>
      </c>
      <c r="L50" s="7" t="s">
        <v>639</v>
      </c>
      <c r="M50" s="7" t="s">
        <v>640</v>
      </c>
      <c r="N50" s="7">
        <v>423104</v>
      </c>
      <c r="O50" s="8" t="s">
        <v>641</v>
      </c>
      <c r="P50" s="7" t="s">
        <v>38</v>
      </c>
      <c r="Q50" s="7" t="s">
        <v>38</v>
      </c>
      <c r="R50" s="7" t="s">
        <v>40</v>
      </c>
      <c r="S50" s="7" t="s">
        <v>40</v>
      </c>
      <c r="T50" s="7" t="s">
        <v>640</v>
      </c>
      <c r="U50" s="7">
        <v>423104</v>
      </c>
      <c r="V50" s="8" t="s">
        <v>40</v>
      </c>
      <c r="W50" s="8" t="s">
        <v>43</v>
      </c>
      <c r="X50" s="8" t="s">
        <v>44</v>
      </c>
      <c r="Y50" s="7" t="s">
        <v>45</v>
      </c>
      <c r="Z50" s="8" t="s">
        <v>40</v>
      </c>
      <c r="AA50" s="8" t="s">
        <v>40</v>
      </c>
      <c r="AB50" s="8" t="s">
        <v>47</v>
      </c>
      <c r="AC50" s="7" t="s">
        <v>642</v>
      </c>
      <c r="AD50" s="7" t="s">
        <v>643</v>
      </c>
    </row>
    <row r="51" spans="1:30" ht="30" x14ac:dyDescent="0.25">
      <c r="A51" s="7">
        <v>48</v>
      </c>
      <c r="B51" s="8" t="s">
        <v>644</v>
      </c>
      <c r="C51" s="8" t="s">
        <v>645</v>
      </c>
      <c r="D51" s="7" t="s">
        <v>646</v>
      </c>
      <c r="E51" s="8" t="s">
        <v>647</v>
      </c>
      <c r="F51" s="7">
        <v>22</v>
      </c>
      <c r="G51" s="9">
        <v>16.5</v>
      </c>
      <c r="H51" s="7">
        <v>96</v>
      </c>
      <c r="I51" s="7" t="s">
        <v>32</v>
      </c>
      <c r="J51" s="7" t="s">
        <v>648</v>
      </c>
      <c r="K51" s="7" t="s">
        <v>649</v>
      </c>
      <c r="L51" s="7" t="s">
        <v>650</v>
      </c>
      <c r="M51" s="7" t="s">
        <v>651</v>
      </c>
      <c r="N51" s="7">
        <v>431003</v>
      </c>
      <c r="O51" s="8" t="s">
        <v>652</v>
      </c>
      <c r="P51" s="7" t="s">
        <v>653</v>
      </c>
      <c r="Q51" s="7" t="s">
        <v>649</v>
      </c>
      <c r="R51" s="7" t="s">
        <v>40</v>
      </c>
      <c r="S51" s="7" t="s">
        <v>40</v>
      </c>
      <c r="T51" s="7" t="s">
        <v>654</v>
      </c>
      <c r="U51" s="7">
        <v>431005</v>
      </c>
      <c r="V51" s="8" t="s">
        <v>40</v>
      </c>
      <c r="W51" s="8" t="s">
        <v>43</v>
      </c>
      <c r="X51" s="8" t="s">
        <v>44</v>
      </c>
      <c r="Y51" s="7" t="s">
        <v>45</v>
      </c>
      <c r="Z51" s="8" t="s">
        <v>655</v>
      </c>
      <c r="AA51" s="8" t="s">
        <v>40</v>
      </c>
      <c r="AB51" s="8" t="s">
        <v>47</v>
      </c>
      <c r="AC51" s="7" t="s">
        <v>40</v>
      </c>
      <c r="AD51" s="7" t="s">
        <v>656</v>
      </c>
    </row>
    <row r="52" spans="1:30" ht="30" x14ac:dyDescent="0.25">
      <c r="A52" s="7">
        <v>49</v>
      </c>
      <c r="B52" s="8" t="s">
        <v>657</v>
      </c>
      <c r="C52" s="8" t="s">
        <v>658</v>
      </c>
      <c r="D52" s="7" t="s">
        <v>659</v>
      </c>
      <c r="E52" s="8" t="s">
        <v>660</v>
      </c>
      <c r="F52" s="7">
        <v>50</v>
      </c>
      <c r="G52" s="9">
        <v>37.5</v>
      </c>
      <c r="H52" s="7">
        <v>97</v>
      </c>
      <c r="I52" s="7" t="s">
        <v>32</v>
      </c>
      <c r="J52" s="7" t="s">
        <v>661</v>
      </c>
      <c r="K52" s="7" t="s">
        <v>40</v>
      </c>
      <c r="L52" s="7" t="s">
        <v>40</v>
      </c>
      <c r="M52" s="7" t="s">
        <v>662</v>
      </c>
      <c r="N52" s="7">
        <v>441601</v>
      </c>
      <c r="O52" s="8" t="s">
        <v>663</v>
      </c>
      <c r="P52" s="7" t="s">
        <v>664</v>
      </c>
      <c r="Q52" s="7" t="s">
        <v>665</v>
      </c>
      <c r="R52" s="7" t="s">
        <v>40</v>
      </c>
      <c r="S52" s="7" t="s">
        <v>40</v>
      </c>
      <c r="T52" s="7" t="s">
        <v>665</v>
      </c>
      <c r="U52" s="7">
        <v>1</v>
      </c>
      <c r="V52" s="8" t="s">
        <v>666</v>
      </c>
      <c r="W52" s="8" t="s">
        <v>43</v>
      </c>
      <c r="X52" s="8" t="s">
        <v>44</v>
      </c>
      <c r="Y52" s="7" t="s">
        <v>45</v>
      </c>
      <c r="Z52" s="8" t="s">
        <v>667</v>
      </c>
      <c r="AA52" s="8" t="s">
        <v>40</v>
      </c>
      <c r="AB52" s="8" t="s">
        <v>47</v>
      </c>
      <c r="AC52" s="7" t="s">
        <v>40</v>
      </c>
      <c r="AD52" s="7" t="s">
        <v>668</v>
      </c>
    </row>
    <row r="53" spans="1:30" ht="15" customHeight="1" x14ac:dyDescent="0.25">
      <c r="A53" s="7">
        <v>50</v>
      </c>
      <c r="B53" s="8" t="s">
        <v>669</v>
      </c>
      <c r="C53" s="8" t="s">
        <v>670</v>
      </c>
      <c r="D53" s="7" t="s">
        <v>671</v>
      </c>
      <c r="E53" s="8" t="s">
        <v>672</v>
      </c>
      <c r="F53" s="7">
        <v>10</v>
      </c>
      <c r="G53" s="9">
        <v>7.5</v>
      </c>
      <c r="H53" s="7">
        <v>99</v>
      </c>
      <c r="I53" s="7" t="s">
        <v>32</v>
      </c>
      <c r="J53" s="8" t="s">
        <v>673</v>
      </c>
      <c r="K53" s="7" t="s">
        <v>40</v>
      </c>
      <c r="L53" s="7" t="s">
        <v>40</v>
      </c>
      <c r="M53" s="7" t="s">
        <v>674</v>
      </c>
      <c r="N53" s="7">
        <v>444001</v>
      </c>
      <c r="O53" s="8" t="s">
        <v>675</v>
      </c>
      <c r="P53" s="7" t="s">
        <v>676</v>
      </c>
      <c r="Q53" s="7" t="s">
        <v>677</v>
      </c>
      <c r="R53" s="7" t="s">
        <v>40</v>
      </c>
      <c r="S53" s="7" t="s">
        <v>40</v>
      </c>
      <c r="T53" s="7" t="s">
        <v>677</v>
      </c>
      <c r="U53" s="7">
        <v>1</v>
      </c>
      <c r="V53" s="8" t="s">
        <v>678</v>
      </c>
      <c r="W53" s="8" t="s">
        <v>43</v>
      </c>
      <c r="X53" s="8" t="s">
        <v>44</v>
      </c>
      <c r="Y53" s="7" t="s">
        <v>45</v>
      </c>
      <c r="Z53" s="8" t="s">
        <v>40</v>
      </c>
      <c r="AA53" s="8" t="s">
        <v>40</v>
      </c>
      <c r="AB53" s="8" t="s">
        <v>47</v>
      </c>
      <c r="AC53" s="7" t="s">
        <v>40</v>
      </c>
      <c r="AD53" s="7" t="s">
        <v>679</v>
      </c>
    </row>
    <row r="54" spans="1:30" x14ac:dyDescent="0.25">
      <c r="A54" s="7">
        <v>51</v>
      </c>
      <c r="B54" s="8" t="s">
        <v>680</v>
      </c>
      <c r="C54" s="8" t="s">
        <v>681</v>
      </c>
      <c r="D54" s="7" t="s">
        <v>682</v>
      </c>
      <c r="E54" s="8" t="s">
        <v>683</v>
      </c>
      <c r="F54" s="7">
        <v>33</v>
      </c>
      <c r="G54" s="9">
        <v>24.75</v>
      </c>
      <c r="H54" s="7">
        <v>101</v>
      </c>
      <c r="I54" s="7" t="s">
        <v>32</v>
      </c>
      <c r="J54" s="7" t="s">
        <v>684</v>
      </c>
      <c r="K54" s="7" t="s">
        <v>40</v>
      </c>
      <c r="L54" s="7" t="s">
        <v>40</v>
      </c>
      <c r="M54" s="7" t="s">
        <v>685</v>
      </c>
      <c r="N54" s="7">
        <v>452009</v>
      </c>
      <c r="O54" s="8" t="s">
        <v>686</v>
      </c>
      <c r="P54" s="7" t="s">
        <v>687</v>
      </c>
      <c r="Q54" s="7" t="s">
        <v>688</v>
      </c>
      <c r="R54" s="7" t="s">
        <v>40</v>
      </c>
      <c r="S54" s="7" t="s">
        <v>40</v>
      </c>
      <c r="T54" s="7" t="s">
        <v>685</v>
      </c>
      <c r="U54" s="7">
        <v>452003</v>
      </c>
      <c r="V54" s="8" t="s">
        <v>40</v>
      </c>
      <c r="W54" s="8" t="s">
        <v>43</v>
      </c>
      <c r="X54" s="8" t="s">
        <v>44</v>
      </c>
      <c r="Y54" s="7" t="s">
        <v>45</v>
      </c>
      <c r="Z54" s="8" t="s">
        <v>689</v>
      </c>
      <c r="AA54" s="8" t="s">
        <v>40</v>
      </c>
      <c r="AB54" s="8" t="s">
        <v>47</v>
      </c>
      <c r="AC54" s="7" t="s">
        <v>690</v>
      </c>
      <c r="AD54" s="7" t="s">
        <v>691</v>
      </c>
    </row>
    <row r="55" spans="1:30" ht="30" x14ac:dyDescent="0.25">
      <c r="A55" s="7">
        <v>52</v>
      </c>
      <c r="B55" s="8" t="s">
        <v>692</v>
      </c>
      <c r="C55" s="8" t="s">
        <v>693</v>
      </c>
      <c r="D55" s="7" t="s">
        <v>694</v>
      </c>
      <c r="E55" s="8" t="s">
        <v>695</v>
      </c>
      <c r="F55" s="7">
        <v>15</v>
      </c>
      <c r="G55" s="9">
        <v>11.25</v>
      </c>
      <c r="H55" s="7">
        <v>102</v>
      </c>
      <c r="I55" s="7" t="s">
        <v>32</v>
      </c>
      <c r="J55" s="7" t="s">
        <v>696</v>
      </c>
      <c r="K55" s="7" t="s">
        <v>40</v>
      </c>
      <c r="L55" s="7" t="s">
        <v>697</v>
      </c>
      <c r="M55" s="7" t="s">
        <v>698</v>
      </c>
      <c r="N55" s="7">
        <v>461331</v>
      </c>
      <c r="O55" s="8" t="s">
        <v>699</v>
      </c>
      <c r="P55" s="7" t="s">
        <v>147</v>
      </c>
      <c r="Q55" s="7" t="s">
        <v>148</v>
      </c>
      <c r="R55" s="7" t="s">
        <v>40</v>
      </c>
      <c r="S55" s="7" t="s">
        <v>40</v>
      </c>
      <c r="T55" s="7" t="s">
        <v>148</v>
      </c>
      <c r="U55" s="7">
        <v>1</v>
      </c>
      <c r="V55" s="8" t="s">
        <v>149</v>
      </c>
      <c r="W55" s="8" t="s">
        <v>43</v>
      </c>
      <c r="X55" s="8" t="s">
        <v>44</v>
      </c>
      <c r="Y55" s="7" t="s">
        <v>45</v>
      </c>
      <c r="Z55" s="8" t="s">
        <v>700</v>
      </c>
      <c r="AA55" s="8" t="s">
        <v>40</v>
      </c>
      <c r="AB55" s="8" t="s">
        <v>47</v>
      </c>
      <c r="AC55" s="7" t="s">
        <v>701</v>
      </c>
      <c r="AD55" s="7" t="s">
        <v>702</v>
      </c>
    </row>
    <row r="56" spans="1:30" ht="16.5" customHeight="1" x14ac:dyDescent="0.25">
      <c r="A56" s="7">
        <v>53</v>
      </c>
      <c r="B56" s="8" t="s">
        <v>703</v>
      </c>
      <c r="C56" s="8" t="s">
        <v>704</v>
      </c>
      <c r="D56" s="7" t="s">
        <v>705</v>
      </c>
      <c r="E56" s="8" t="s">
        <v>706</v>
      </c>
      <c r="F56" s="7">
        <v>50</v>
      </c>
      <c r="G56" s="9">
        <v>37.5</v>
      </c>
      <c r="H56" s="7">
        <v>103</v>
      </c>
      <c r="I56" s="7" t="s">
        <v>32</v>
      </c>
      <c r="J56" s="7" t="s">
        <v>707</v>
      </c>
      <c r="K56" s="7" t="s">
        <v>708</v>
      </c>
      <c r="L56" s="7" t="s">
        <v>709</v>
      </c>
      <c r="M56" s="7" t="s">
        <v>710</v>
      </c>
      <c r="N56" s="7">
        <v>462003</v>
      </c>
      <c r="O56" s="8" t="s">
        <v>711</v>
      </c>
      <c r="P56" s="7" t="s">
        <v>712</v>
      </c>
      <c r="Q56" s="7" t="s">
        <v>712</v>
      </c>
      <c r="R56" s="7" t="s">
        <v>713</v>
      </c>
      <c r="S56" s="7" t="s">
        <v>709</v>
      </c>
      <c r="T56" s="7" t="s">
        <v>710</v>
      </c>
      <c r="U56" s="7">
        <v>462003</v>
      </c>
      <c r="V56" s="8" t="s">
        <v>714</v>
      </c>
      <c r="W56" s="8" t="s">
        <v>43</v>
      </c>
      <c r="X56" s="8" t="s">
        <v>44</v>
      </c>
      <c r="Y56" s="7" t="s">
        <v>45</v>
      </c>
      <c r="Z56" s="8" t="s">
        <v>40</v>
      </c>
      <c r="AA56" s="8" t="s">
        <v>40</v>
      </c>
      <c r="AB56" s="8" t="s">
        <v>47</v>
      </c>
      <c r="AC56" s="7" t="s">
        <v>40</v>
      </c>
      <c r="AD56" s="7" t="s">
        <v>715</v>
      </c>
    </row>
    <row r="57" spans="1:30" x14ac:dyDescent="0.25">
      <c r="A57" s="7">
        <v>54</v>
      </c>
      <c r="B57" s="8" t="s">
        <v>680</v>
      </c>
      <c r="C57" s="8" t="s">
        <v>716</v>
      </c>
      <c r="D57" s="7" t="s">
        <v>717</v>
      </c>
      <c r="E57" s="8" t="s">
        <v>718</v>
      </c>
      <c r="F57" s="7">
        <v>2</v>
      </c>
      <c r="G57" s="9">
        <v>1.5</v>
      </c>
      <c r="H57" s="7">
        <v>104</v>
      </c>
      <c r="I57" s="7" t="s">
        <v>32</v>
      </c>
      <c r="J57" s="7" t="s">
        <v>719</v>
      </c>
      <c r="K57" s="7" t="s">
        <v>720</v>
      </c>
      <c r="L57" s="7" t="s">
        <v>40</v>
      </c>
      <c r="M57" s="7" t="s">
        <v>721</v>
      </c>
      <c r="N57" s="7">
        <v>477001</v>
      </c>
      <c r="O57" s="8" t="s">
        <v>722</v>
      </c>
      <c r="P57" s="7" t="s">
        <v>723</v>
      </c>
      <c r="Q57" s="7" t="s">
        <v>724</v>
      </c>
      <c r="R57" s="7" t="s">
        <v>40</v>
      </c>
      <c r="S57" s="7" t="s">
        <v>40</v>
      </c>
      <c r="T57" s="7" t="s">
        <v>721</v>
      </c>
      <c r="U57" s="7">
        <v>477001</v>
      </c>
      <c r="V57" s="8" t="s">
        <v>40</v>
      </c>
      <c r="W57" s="8" t="s">
        <v>43</v>
      </c>
      <c r="X57" s="8" t="s">
        <v>44</v>
      </c>
      <c r="Y57" s="7" t="s">
        <v>45</v>
      </c>
      <c r="Z57" s="8" t="s">
        <v>40</v>
      </c>
      <c r="AA57" s="8" t="s">
        <v>40</v>
      </c>
      <c r="AB57" s="8" t="s">
        <v>47</v>
      </c>
      <c r="AC57" s="7" t="s">
        <v>725</v>
      </c>
      <c r="AD57" s="7" t="s">
        <v>726</v>
      </c>
    </row>
    <row r="58" spans="1:30" ht="30" x14ac:dyDescent="0.25">
      <c r="A58" s="7">
        <v>55</v>
      </c>
      <c r="B58" s="8" t="s">
        <v>727</v>
      </c>
      <c r="C58" s="8" t="s">
        <v>728</v>
      </c>
      <c r="D58" s="7" t="s">
        <v>729</v>
      </c>
      <c r="E58" s="8" t="s">
        <v>730</v>
      </c>
      <c r="F58" s="7">
        <v>300</v>
      </c>
      <c r="G58" s="9">
        <v>225</v>
      </c>
      <c r="H58" s="7">
        <v>105</v>
      </c>
      <c r="I58" s="7" t="s">
        <v>32</v>
      </c>
      <c r="J58" s="7" t="s">
        <v>731</v>
      </c>
      <c r="K58" s="7" t="s">
        <v>732</v>
      </c>
      <c r="L58" s="7" t="s">
        <v>40</v>
      </c>
      <c r="M58" s="7" t="s">
        <v>733</v>
      </c>
      <c r="N58" s="7">
        <v>480661</v>
      </c>
      <c r="O58" s="8" t="s">
        <v>734</v>
      </c>
      <c r="P58" s="7" t="s">
        <v>147</v>
      </c>
      <c r="Q58" s="7" t="s">
        <v>148</v>
      </c>
      <c r="R58" s="7" t="s">
        <v>40</v>
      </c>
      <c r="S58" s="7" t="s">
        <v>40</v>
      </c>
      <c r="T58" s="7" t="s">
        <v>148</v>
      </c>
      <c r="U58" s="7">
        <v>1</v>
      </c>
      <c r="V58" s="8" t="s">
        <v>149</v>
      </c>
      <c r="W58" s="8" t="s">
        <v>43</v>
      </c>
      <c r="X58" s="8" t="s">
        <v>44</v>
      </c>
      <c r="Y58" s="7" t="s">
        <v>45</v>
      </c>
      <c r="Z58" s="8" t="s">
        <v>735</v>
      </c>
      <c r="AA58" s="8" t="s">
        <v>40</v>
      </c>
      <c r="AB58" s="8" t="s">
        <v>47</v>
      </c>
      <c r="AC58" s="7" t="s">
        <v>736</v>
      </c>
      <c r="AD58" s="7" t="s">
        <v>737</v>
      </c>
    </row>
    <row r="59" spans="1:30" x14ac:dyDescent="0.25">
      <c r="A59" s="7">
        <v>56</v>
      </c>
      <c r="B59" s="8" t="s">
        <v>738</v>
      </c>
      <c r="C59" s="8" t="s">
        <v>739</v>
      </c>
      <c r="D59" s="7" t="s">
        <v>740</v>
      </c>
      <c r="E59" s="8" t="s">
        <v>741</v>
      </c>
      <c r="F59" s="7">
        <v>10</v>
      </c>
      <c r="G59" s="9">
        <v>7.5</v>
      </c>
      <c r="H59" s="7">
        <v>107</v>
      </c>
      <c r="I59" s="7" t="s">
        <v>32</v>
      </c>
      <c r="J59" s="7" t="s">
        <v>742</v>
      </c>
      <c r="K59" s="7" t="s">
        <v>743</v>
      </c>
      <c r="L59" s="7" t="s">
        <v>744</v>
      </c>
      <c r="M59" s="7" t="s">
        <v>40</v>
      </c>
      <c r="N59" s="7">
        <v>482002</v>
      </c>
      <c r="O59" s="8" t="s">
        <v>392</v>
      </c>
      <c r="P59" s="7" t="s">
        <v>393</v>
      </c>
      <c r="Q59" s="7" t="s">
        <v>393</v>
      </c>
      <c r="R59" s="7" t="s">
        <v>393</v>
      </c>
      <c r="S59" s="7" t="s">
        <v>393</v>
      </c>
      <c r="T59" s="7" t="s">
        <v>393</v>
      </c>
      <c r="U59" s="7">
        <v>0</v>
      </c>
      <c r="V59" s="8" t="s">
        <v>44</v>
      </c>
      <c r="W59" s="8" t="s">
        <v>44</v>
      </c>
      <c r="X59" s="8" t="s">
        <v>44</v>
      </c>
      <c r="Y59" s="7" t="s">
        <v>745</v>
      </c>
      <c r="Z59" s="8" t="s">
        <v>47</v>
      </c>
      <c r="AA59" s="8" t="s">
        <v>47</v>
      </c>
      <c r="AB59" s="8" t="s">
        <v>47</v>
      </c>
      <c r="AC59" s="7" t="s">
        <v>746</v>
      </c>
      <c r="AD59" s="7" t="s">
        <v>40</v>
      </c>
    </row>
    <row r="60" spans="1:30" x14ac:dyDescent="0.25">
      <c r="A60" s="7">
        <v>57</v>
      </c>
      <c r="B60" s="8" t="s">
        <v>644</v>
      </c>
      <c r="C60" s="8" t="s">
        <v>747</v>
      </c>
      <c r="D60" s="7" t="s">
        <v>748</v>
      </c>
      <c r="E60" s="8" t="s">
        <v>749</v>
      </c>
      <c r="F60" s="7">
        <v>50</v>
      </c>
      <c r="G60" s="9">
        <v>37.5</v>
      </c>
      <c r="H60" s="7">
        <v>108</v>
      </c>
      <c r="I60" s="7" t="s">
        <v>32</v>
      </c>
      <c r="J60" s="7" t="s">
        <v>750</v>
      </c>
      <c r="K60" s="7" t="s">
        <v>751</v>
      </c>
      <c r="L60" s="7" t="s">
        <v>752</v>
      </c>
      <c r="M60" s="7" t="s">
        <v>753</v>
      </c>
      <c r="N60" s="7">
        <v>500001</v>
      </c>
      <c r="O60" s="8" t="s">
        <v>754</v>
      </c>
      <c r="P60" s="7" t="s">
        <v>755</v>
      </c>
      <c r="Q60" s="7" t="s">
        <v>756</v>
      </c>
      <c r="R60" s="7" t="s">
        <v>40</v>
      </c>
      <c r="S60" s="7" t="s">
        <v>40</v>
      </c>
      <c r="T60" s="7" t="s">
        <v>753</v>
      </c>
      <c r="U60" s="7">
        <v>500001</v>
      </c>
      <c r="V60" s="8" t="s">
        <v>40</v>
      </c>
      <c r="W60" s="8" t="s">
        <v>43</v>
      </c>
      <c r="X60" s="8" t="s">
        <v>44</v>
      </c>
      <c r="Y60" s="7" t="s">
        <v>45</v>
      </c>
      <c r="Z60" s="8" t="s">
        <v>757</v>
      </c>
      <c r="AA60" s="8" t="s">
        <v>40</v>
      </c>
      <c r="AB60" s="8" t="s">
        <v>47</v>
      </c>
      <c r="AC60" s="7" t="s">
        <v>40</v>
      </c>
      <c r="AD60" s="7" t="s">
        <v>758</v>
      </c>
    </row>
    <row r="61" spans="1:30" x14ac:dyDescent="0.25">
      <c r="A61" s="7">
        <v>58</v>
      </c>
      <c r="B61" s="8" t="s">
        <v>759</v>
      </c>
      <c r="C61" s="8" t="s">
        <v>760</v>
      </c>
      <c r="D61" s="7" t="s">
        <v>761</v>
      </c>
      <c r="E61" s="8" t="s">
        <v>762</v>
      </c>
      <c r="F61" s="7">
        <v>100</v>
      </c>
      <c r="G61" s="9">
        <v>75</v>
      </c>
      <c r="H61" s="7">
        <v>114</v>
      </c>
      <c r="I61" s="7" t="s">
        <v>32</v>
      </c>
      <c r="J61" s="7" t="s">
        <v>763</v>
      </c>
      <c r="K61" s="7" t="s">
        <v>764</v>
      </c>
      <c r="L61" s="7" t="s">
        <v>765</v>
      </c>
      <c r="M61" s="7" t="s">
        <v>765</v>
      </c>
      <c r="N61" s="7">
        <v>503111</v>
      </c>
      <c r="O61" s="8" t="s">
        <v>766</v>
      </c>
      <c r="P61" s="7" t="s">
        <v>38</v>
      </c>
      <c r="Q61" s="7" t="s">
        <v>38</v>
      </c>
      <c r="R61" s="7" t="s">
        <v>767</v>
      </c>
      <c r="S61" s="7" t="s">
        <v>765</v>
      </c>
      <c r="T61" s="7" t="s">
        <v>768</v>
      </c>
      <c r="U61" s="7">
        <v>503111</v>
      </c>
      <c r="V61" s="8" t="s">
        <v>769</v>
      </c>
      <c r="W61" s="8" t="s">
        <v>43</v>
      </c>
      <c r="X61" s="8" t="s">
        <v>44</v>
      </c>
      <c r="Y61" s="7" t="s">
        <v>45</v>
      </c>
      <c r="Z61" s="8" t="s">
        <v>40</v>
      </c>
      <c r="AA61" s="8" t="s">
        <v>40</v>
      </c>
      <c r="AB61" s="8" t="s">
        <v>47</v>
      </c>
      <c r="AC61" s="7" t="s">
        <v>770</v>
      </c>
      <c r="AD61" s="7" t="s">
        <v>771</v>
      </c>
    </row>
    <row r="62" spans="1:30" ht="30" x14ac:dyDescent="0.25">
      <c r="A62" s="7">
        <v>59</v>
      </c>
      <c r="B62" s="8" t="s">
        <v>644</v>
      </c>
      <c r="C62" s="8" t="s">
        <v>772</v>
      </c>
      <c r="D62" s="7" t="s">
        <v>773</v>
      </c>
      <c r="E62" s="8" t="s">
        <v>774</v>
      </c>
      <c r="F62" s="7">
        <v>73</v>
      </c>
      <c r="G62" s="9">
        <v>54.75</v>
      </c>
      <c r="H62" s="7">
        <v>115</v>
      </c>
      <c r="I62" s="7" t="s">
        <v>32</v>
      </c>
      <c r="J62" s="7" t="s">
        <v>775</v>
      </c>
      <c r="K62" s="7" t="s">
        <v>776</v>
      </c>
      <c r="L62" s="7" t="s">
        <v>777</v>
      </c>
      <c r="M62" s="7" t="s">
        <v>778</v>
      </c>
      <c r="N62" s="7">
        <v>518302</v>
      </c>
      <c r="O62" s="8" t="s">
        <v>779</v>
      </c>
      <c r="P62" s="7" t="s">
        <v>664</v>
      </c>
      <c r="Q62" s="7" t="s">
        <v>780</v>
      </c>
      <c r="R62" s="7" t="s">
        <v>40</v>
      </c>
      <c r="S62" s="7" t="s">
        <v>40</v>
      </c>
      <c r="T62" s="7" t="s">
        <v>780</v>
      </c>
      <c r="U62" s="7">
        <v>518301</v>
      </c>
      <c r="V62" s="8" t="s">
        <v>781</v>
      </c>
      <c r="W62" s="8" t="s">
        <v>43</v>
      </c>
      <c r="X62" s="8" t="s">
        <v>44</v>
      </c>
      <c r="Y62" s="7" t="s">
        <v>45</v>
      </c>
      <c r="Z62" s="8" t="s">
        <v>40</v>
      </c>
      <c r="AA62" s="8" t="s">
        <v>40</v>
      </c>
      <c r="AB62" s="8" t="s">
        <v>47</v>
      </c>
      <c r="AC62" s="7" t="s">
        <v>782</v>
      </c>
      <c r="AD62" s="7" t="s">
        <v>783</v>
      </c>
    </row>
    <row r="63" spans="1:30" ht="30.75" customHeight="1" x14ac:dyDescent="0.25">
      <c r="A63" s="7">
        <v>60</v>
      </c>
      <c r="B63" s="8" t="s">
        <v>235</v>
      </c>
      <c r="C63" s="8" t="s">
        <v>784</v>
      </c>
      <c r="D63" s="7" t="s">
        <v>785</v>
      </c>
      <c r="E63" s="8" t="s">
        <v>786</v>
      </c>
      <c r="F63" s="7">
        <v>5</v>
      </c>
      <c r="G63" s="9">
        <v>3.75</v>
      </c>
      <c r="H63" s="7">
        <v>118</v>
      </c>
      <c r="I63" s="7" t="s">
        <v>32</v>
      </c>
      <c r="J63" s="7" t="s">
        <v>787</v>
      </c>
      <c r="K63" s="7" t="s">
        <v>788</v>
      </c>
      <c r="L63" s="7" t="s">
        <v>789</v>
      </c>
      <c r="M63" s="7" t="s">
        <v>790</v>
      </c>
      <c r="N63" s="7">
        <v>522201</v>
      </c>
      <c r="O63" s="8" t="s">
        <v>791</v>
      </c>
      <c r="P63" s="7" t="s">
        <v>792</v>
      </c>
      <c r="Q63" s="7" t="s">
        <v>793</v>
      </c>
      <c r="R63" s="7" t="s">
        <v>40</v>
      </c>
      <c r="S63" s="7" t="s">
        <v>794</v>
      </c>
      <c r="T63" s="7" t="s">
        <v>790</v>
      </c>
      <c r="U63" s="7">
        <v>522001</v>
      </c>
      <c r="V63" s="8" t="s">
        <v>40</v>
      </c>
      <c r="W63" s="8" t="s">
        <v>43</v>
      </c>
      <c r="X63" s="8" t="s">
        <v>44</v>
      </c>
      <c r="Y63" s="7" t="s">
        <v>45</v>
      </c>
      <c r="Z63" s="8" t="s">
        <v>40</v>
      </c>
      <c r="AA63" s="8" t="s">
        <v>40</v>
      </c>
      <c r="AB63" s="8" t="s">
        <v>47</v>
      </c>
      <c r="AC63" s="7" t="s">
        <v>795</v>
      </c>
      <c r="AD63" s="7" t="s">
        <v>796</v>
      </c>
    </row>
    <row r="64" spans="1:30" ht="30" x14ac:dyDescent="0.25">
      <c r="A64" s="7">
        <v>61</v>
      </c>
      <c r="B64" s="8" t="s">
        <v>235</v>
      </c>
      <c r="C64" s="8" t="s">
        <v>797</v>
      </c>
      <c r="D64" s="7" t="s">
        <v>798</v>
      </c>
      <c r="E64" s="8" t="s">
        <v>799</v>
      </c>
      <c r="F64" s="7">
        <v>5</v>
      </c>
      <c r="G64" s="9">
        <v>3.75</v>
      </c>
      <c r="H64" s="7">
        <v>120</v>
      </c>
      <c r="I64" s="7" t="s">
        <v>32</v>
      </c>
      <c r="J64" s="7" t="s">
        <v>800</v>
      </c>
      <c r="K64" s="7" t="s">
        <v>801</v>
      </c>
      <c r="L64" s="7" t="s">
        <v>802</v>
      </c>
      <c r="M64" s="7" t="s">
        <v>803</v>
      </c>
      <c r="N64" s="7">
        <v>523001</v>
      </c>
      <c r="O64" s="8" t="s">
        <v>804</v>
      </c>
      <c r="P64" s="7" t="s">
        <v>755</v>
      </c>
      <c r="Q64" s="7" t="s">
        <v>755</v>
      </c>
      <c r="R64" s="7" t="s">
        <v>805</v>
      </c>
      <c r="S64" s="7" t="s">
        <v>40</v>
      </c>
      <c r="T64" s="7" t="s">
        <v>806</v>
      </c>
      <c r="U64" s="7">
        <v>523001</v>
      </c>
      <c r="V64" s="8" t="s">
        <v>40</v>
      </c>
      <c r="W64" s="8" t="s">
        <v>43</v>
      </c>
      <c r="X64" s="8" t="s">
        <v>44</v>
      </c>
      <c r="Y64" s="7" t="s">
        <v>45</v>
      </c>
      <c r="Z64" s="8" t="s">
        <v>40</v>
      </c>
      <c r="AA64" s="8" t="s">
        <v>40</v>
      </c>
      <c r="AB64" s="8" t="s">
        <v>47</v>
      </c>
      <c r="AC64" s="7" t="s">
        <v>807</v>
      </c>
      <c r="AD64" s="7" t="s">
        <v>808</v>
      </c>
    </row>
    <row r="65" spans="1:30" ht="30" x14ac:dyDescent="0.25">
      <c r="A65" s="7">
        <v>62</v>
      </c>
      <c r="B65" s="8" t="s">
        <v>809</v>
      </c>
      <c r="C65" s="8" t="s">
        <v>810</v>
      </c>
      <c r="D65" s="7" t="s">
        <v>811</v>
      </c>
      <c r="E65" s="8" t="s">
        <v>812</v>
      </c>
      <c r="F65" s="7">
        <v>4</v>
      </c>
      <c r="G65" s="9">
        <v>3</v>
      </c>
      <c r="H65" s="7">
        <v>121</v>
      </c>
      <c r="I65" s="7" t="s">
        <v>32</v>
      </c>
      <c r="J65" s="7" t="s">
        <v>813</v>
      </c>
      <c r="K65" s="7" t="s">
        <v>814</v>
      </c>
      <c r="L65" s="7" t="s">
        <v>815</v>
      </c>
      <c r="M65" s="7" t="s">
        <v>816</v>
      </c>
      <c r="N65" s="7">
        <v>530007</v>
      </c>
      <c r="O65" s="8" t="s">
        <v>817</v>
      </c>
      <c r="P65" s="7" t="s">
        <v>818</v>
      </c>
      <c r="Q65" s="7" t="s">
        <v>818</v>
      </c>
      <c r="R65" s="7" t="s">
        <v>40</v>
      </c>
      <c r="S65" s="7" t="s">
        <v>819</v>
      </c>
      <c r="T65" s="7" t="s">
        <v>816</v>
      </c>
      <c r="U65" s="7">
        <v>530007</v>
      </c>
      <c r="V65" s="8" t="s">
        <v>40</v>
      </c>
      <c r="W65" s="8" t="s">
        <v>43</v>
      </c>
      <c r="X65" s="8" t="s">
        <v>44</v>
      </c>
      <c r="Y65" s="7" t="s">
        <v>45</v>
      </c>
      <c r="Z65" s="8" t="s">
        <v>820</v>
      </c>
      <c r="AA65" s="8" t="s">
        <v>40</v>
      </c>
      <c r="AB65" s="8" t="s">
        <v>47</v>
      </c>
      <c r="AC65" s="7" t="s">
        <v>40</v>
      </c>
      <c r="AD65" s="7" t="s">
        <v>821</v>
      </c>
    </row>
    <row r="66" spans="1:30" ht="30" x14ac:dyDescent="0.25">
      <c r="A66" s="7">
        <v>63</v>
      </c>
      <c r="B66" s="8" t="s">
        <v>822</v>
      </c>
      <c r="C66" s="8" t="s">
        <v>823</v>
      </c>
      <c r="D66" s="7" t="s">
        <v>824</v>
      </c>
      <c r="E66" s="8" t="s">
        <v>825</v>
      </c>
      <c r="F66" s="7">
        <v>30</v>
      </c>
      <c r="G66" s="9">
        <v>22.5</v>
      </c>
      <c r="H66" s="7">
        <v>122</v>
      </c>
      <c r="I66" s="7" t="s">
        <v>32</v>
      </c>
      <c r="J66" s="7" t="s">
        <v>826</v>
      </c>
      <c r="K66" s="7" t="s">
        <v>827</v>
      </c>
      <c r="L66" s="7" t="s">
        <v>828</v>
      </c>
      <c r="M66" s="7" t="s">
        <v>816</v>
      </c>
      <c r="N66" s="7">
        <v>530018</v>
      </c>
      <c r="O66" s="8" t="s">
        <v>829</v>
      </c>
      <c r="P66" s="7" t="s">
        <v>830</v>
      </c>
      <c r="Q66" s="7" t="s">
        <v>831</v>
      </c>
      <c r="R66" s="7" t="s">
        <v>40</v>
      </c>
      <c r="S66" s="7" t="s">
        <v>40</v>
      </c>
      <c r="T66" s="7" t="s">
        <v>816</v>
      </c>
      <c r="U66" s="7">
        <v>530024</v>
      </c>
      <c r="V66" s="8" t="s">
        <v>40</v>
      </c>
      <c r="W66" s="8" t="s">
        <v>43</v>
      </c>
      <c r="X66" s="8" t="s">
        <v>44</v>
      </c>
      <c r="Y66" s="7" t="s">
        <v>45</v>
      </c>
      <c r="Z66" s="8" t="s">
        <v>832</v>
      </c>
      <c r="AA66" s="8" t="s">
        <v>833</v>
      </c>
      <c r="AB66" s="8" t="s">
        <v>47</v>
      </c>
      <c r="AC66" s="7" t="s">
        <v>40</v>
      </c>
      <c r="AD66" s="7" t="s">
        <v>834</v>
      </c>
    </row>
    <row r="67" spans="1:30" ht="30" x14ac:dyDescent="0.25">
      <c r="A67" s="7">
        <v>64</v>
      </c>
      <c r="B67" s="8" t="s">
        <v>727</v>
      </c>
      <c r="C67" s="8" t="s">
        <v>835</v>
      </c>
      <c r="D67" s="7" t="s">
        <v>836</v>
      </c>
      <c r="E67" s="8" t="s">
        <v>837</v>
      </c>
      <c r="F67" s="7">
        <v>90</v>
      </c>
      <c r="G67" s="9">
        <v>67.5</v>
      </c>
      <c r="H67" s="7">
        <v>124</v>
      </c>
      <c r="I67" s="7" t="s">
        <v>32</v>
      </c>
      <c r="J67" s="7" t="s">
        <v>838</v>
      </c>
      <c r="K67" s="7" t="s">
        <v>839</v>
      </c>
      <c r="L67" s="7" t="s">
        <v>840</v>
      </c>
      <c r="M67" s="7" t="s">
        <v>841</v>
      </c>
      <c r="N67" s="7">
        <v>534313</v>
      </c>
      <c r="O67" s="8" t="s">
        <v>842</v>
      </c>
      <c r="P67" s="7" t="s">
        <v>258</v>
      </c>
      <c r="Q67" s="7" t="s">
        <v>843</v>
      </c>
      <c r="R67" s="7" t="s">
        <v>40</v>
      </c>
      <c r="S67" s="7" t="s">
        <v>40</v>
      </c>
      <c r="T67" s="7" t="s">
        <v>843</v>
      </c>
      <c r="U67" s="7">
        <v>1</v>
      </c>
      <c r="V67" s="8" t="s">
        <v>844</v>
      </c>
      <c r="W67" s="8" t="s">
        <v>43</v>
      </c>
      <c r="X67" s="8" t="s">
        <v>44</v>
      </c>
      <c r="Y67" s="7" t="s">
        <v>45</v>
      </c>
      <c r="Z67" s="8" t="s">
        <v>845</v>
      </c>
      <c r="AA67" s="8" t="s">
        <v>40</v>
      </c>
      <c r="AB67" s="8" t="s">
        <v>47</v>
      </c>
      <c r="AC67" s="7" t="s">
        <v>846</v>
      </c>
      <c r="AD67" s="7" t="s">
        <v>847</v>
      </c>
    </row>
    <row r="68" spans="1:30" ht="30" x14ac:dyDescent="0.25">
      <c r="A68" s="7">
        <v>65</v>
      </c>
      <c r="B68" s="8" t="s">
        <v>138</v>
      </c>
      <c r="C68" s="8" t="s">
        <v>848</v>
      </c>
      <c r="D68" s="7" t="s">
        <v>849</v>
      </c>
      <c r="E68" s="8" t="s">
        <v>850</v>
      </c>
      <c r="F68" s="7">
        <v>20</v>
      </c>
      <c r="G68" s="9">
        <v>15</v>
      </c>
      <c r="H68" s="7">
        <v>127</v>
      </c>
      <c r="I68" s="7" t="s">
        <v>32</v>
      </c>
      <c r="J68" s="7" t="s">
        <v>851</v>
      </c>
      <c r="K68" s="7" t="s">
        <v>852</v>
      </c>
      <c r="L68" s="7" t="s">
        <v>853</v>
      </c>
      <c r="M68" s="7" t="s">
        <v>854</v>
      </c>
      <c r="N68" s="7">
        <v>560034</v>
      </c>
      <c r="O68" s="8" t="s">
        <v>855</v>
      </c>
      <c r="P68" s="7" t="s">
        <v>508</v>
      </c>
      <c r="Q68" s="7" t="s">
        <v>856</v>
      </c>
      <c r="R68" s="7" t="s">
        <v>40</v>
      </c>
      <c r="S68" s="7" t="s">
        <v>40</v>
      </c>
      <c r="T68" s="7" t="s">
        <v>856</v>
      </c>
      <c r="U68" s="7">
        <v>1</v>
      </c>
      <c r="V68" s="8" t="s">
        <v>857</v>
      </c>
      <c r="W68" s="8" t="s">
        <v>43</v>
      </c>
      <c r="X68" s="8" t="s">
        <v>44</v>
      </c>
      <c r="Y68" s="7" t="s">
        <v>45</v>
      </c>
      <c r="Z68" s="8" t="s">
        <v>858</v>
      </c>
      <c r="AA68" s="8" t="s">
        <v>40</v>
      </c>
      <c r="AB68" s="8" t="s">
        <v>47</v>
      </c>
      <c r="AC68" s="7" t="s">
        <v>859</v>
      </c>
      <c r="AD68" s="7" t="s">
        <v>860</v>
      </c>
    </row>
    <row r="69" spans="1:30" x14ac:dyDescent="0.25">
      <c r="A69" s="7">
        <v>66</v>
      </c>
      <c r="B69" s="8" t="s">
        <v>861</v>
      </c>
      <c r="C69" s="8" t="s">
        <v>862</v>
      </c>
      <c r="D69" s="7" t="s">
        <v>863</v>
      </c>
      <c r="E69" s="8" t="s">
        <v>864</v>
      </c>
      <c r="F69" s="7">
        <v>150</v>
      </c>
      <c r="G69" s="9">
        <v>112.5</v>
      </c>
      <c r="H69" s="7">
        <v>128</v>
      </c>
      <c r="I69" s="7" t="s">
        <v>32</v>
      </c>
      <c r="J69" s="7" t="s">
        <v>865</v>
      </c>
      <c r="K69" s="7" t="s">
        <v>866</v>
      </c>
      <c r="L69" s="7" t="s">
        <v>40</v>
      </c>
      <c r="M69" s="7" t="s">
        <v>867</v>
      </c>
      <c r="N69" s="7">
        <v>570005</v>
      </c>
      <c r="O69" s="8" t="s">
        <v>868</v>
      </c>
      <c r="P69" s="7" t="s">
        <v>869</v>
      </c>
      <c r="Q69" s="7" t="s">
        <v>870</v>
      </c>
      <c r="R69" s="7" t="s">
        <v>40</v>
      </c>
      <c r="S69" s="7" t="s">
        <v>40</v>
      </c>
      <c r="T69" s="7" t="s">
        <v>867</v>
      </c>
      <c r="U69" s="7">
        <v>570004</v>
      </c>
      <c r="V69" s="8" t="s">
        <v>40</v>
      </c>
      <c r="W69" s="8" t="s">
        <v>43</v>
      </c>
      <c r="X69" s="8" t="s">
        <v>44</v>
      </c>
      <c r="Y69" s="7" t="s">
        <v>45</v>
      </c>
      <c r="Z69" s="8" t="s">
        <v>871</v>
      </c>
      <c r="AA69" s="8" t="s">
        <v>40</v>
      </c>
      <c r="AB69" s="8" t="s">
        <v>47</v>
      </c>
      <c r="AC69" s="7" t="s">
        <v>872</v>
      </c>
      <c r="AD69" s="7" t="s">
        <v>873</v>
      </c>
    </row>
    <row r="70" spans="1:30" x14ac:dyDescent="0.25">
      <c r="A70" s="7">
        <v>67</v>
      </c>
      <c r="B70" s="8" t="s">
        <v>874</v>
      </c>
      <c r="C70" s="8" t="s">
        <v>875</v>
      </c>
      <c r="D70" s="7" t="s">
        <v>876</v>
      </c>
      <c r="E70" s="8" t="s">
        <v>877</v>
      </c>
      <c r="F70" s="7">
        <v>4</v>
      </c>
      <c r="G70" s="9">
        <v>3</v>
      </c>
      <c r="H70" s="7">
        <v>130</v>
      </c>
      <c r="I70" s="7" t="s">
        <v>32</v>
      </c>
      <c r="J70" s="7" t="s">
        <v>878</v>
      </c>
      <c r="K70" s="7" t="s">
        <v>879</v>
      </c>
      <c r="L70" s="7" t="s">
        <v>880</v>
      </c>
      <c r="M70" s="7" t="s">
        <v>881</v>
      </c>
      <c r="N70" s="7">
        <v>580028</v>
      </c>
      <c r="O70" s="8" t="s">
        <v>882</v>
      </c>
      <c r="P70" s="7" t="s">
        <v>883</v>
      </c>
      <c r="Q70" s="7" t="s">
        <v>884</v>
      </c>
      <c r="R70" s="7" t="s">
        <v>884</v>
      </c>
      <c r="S70" s="7" t="s">
        <v>884</v>
      </c>
      <c r="T70" s="7" t="s">
        <v>881</v>
      </c>
      <c r="U70" s="7">
        <v>580020</v>
      </c>
      <c r="V70" s="8" t="s">
        <v>40</v>
      </c>
      <c r="W70" s="8" t="s">
        <v>43</v>
      </c>
      <c r="X70" s="8" t="s">
        <v>44</v>
      </c>
      <c r="Y70" s="7" t="s">
        <v>885</v>
      </c>
      <c r="Z70" s="8" t="s">
        <v>886</v>
      </c>
      <c r="AA70" s="8" t="s">
        <v>40</v>
      </c>
      <c r="AB70" s="8" t="s">
        <v>47</v>
      </c>
      <c r="AC70" s="7" t="s">
        <v>40</v>
      </c>
      <c r="AD70" s="7" t="s">
        <v>887</v>
      </c>
    </row>
    <row r="71" spans="1:30" ht="30" x14ac:dyDescent="0.25">
      <c r="A71" s="7">
        <v>68</v>
      </c>
      <c r="B71" s="8" t="s">
        <v>888</v>
      </c>
      <c r="C71" s="8" t="s">
        <v>889</v>
      </c>
      <c r="D71" s="7" t="s">
        <v>890</v>
      </c>
      <c r="E71" s="8" t="s">
        <v>891</v>
      </c>
      <c r="F71" s="7">
        <v>50</v>
      </c>
      <c r="G71" s="9">
        <v>37.5</v>
      </c>
      <c r="H71" s="7">
        <v>132</v>
      </c>
      <c r="I71" s="7" t="s">
        <v>32</v>
      </c>
      <c r="J71" s="7" t="s">
        <v>892</v>
      </c>
      <c r="K71" s="7" t="s">
        <v>893</v>
      </c>
      <c r="L71" s="7" t="s">
        <v>894</v>
      </c>
      <c r="M71" s="7" t="s">
        <v>895</v>
      </c>
      <c r="N71" s="7">
        <v>584111</v>
      </c>
      <c r="O71" s="8" t="s">
        <v>896</v>
      </c>
      <c r="P71" s="7" t="s">
        <v>38</v>
      </c>
      <c r="Q71" s="7" t="s">
        <v>219</v>
      </c>
      <c r="R71" s="7" t="s">
        <v>40</v>
      </c>
      <c r="S71" s="7" t="s">
        <v>40</v>
      </c>
      <c r="T71" s="7" t="s">
        <v>219</v>
      </c>
      <c r="U71" s="7">
        <v>1</v>
      </c>
      <c r="V71" s="8" t="s">
        <v>220</v>
      </c>
      <c r="W71" s="8" t="s">
        <v>43</v>
      </c>
      <c r="X71" s="8" t="s">
        <v>44</v>
      </c>
      <c r="Y71" s="7" t="s">
        <v>45</v>
      </c>
      <c r="Z71" s="8" t="s">
        <v>897</v>
      </c>
      <c r="AA71" s="8" t="s">
        <v>40</v>
      </c>
      <c r="AB71" s="8" t="s">
        <v>47</v>
      </c>
      <c r="AC71" s="7" t="s">
        <v>40</v>
      </c>
      <c r="AD71" s="7" t="s">
        <v>898</v>
      </c>
    </row>
    <row r="72" spans="1:30" x14ac:dyDescent="0.25">
      <c r="A72" s="7">
        <v>69</v>
      </c>
      <c r="B72" s="8" t="s">
        <v>899</v>
      </c>
      <c r="C72" s="8" t="s">
        <v>900</v>
      </c>
      <c r="D72" s="7" t="s">
        <v>901</v>
      </c>
      <c r="E72" s="8" t="s">
        <v>902</v>
      </c>
      <c r="F72" s="7">
        <v>50</v>
      </c>
      <c r="G72" s="9">
        <v>37.5</v>
      </c>
      <c r="H72" s="7">
        <v>134</v>
      </c>
      <c r="I72" s="7" t="s">
        <v>32</v>
      </c>
      <c r="J72" s="7" t="s">
        <v>903</v>
      </c>
      <c r="K72" s="7" t="s">
        <v>904</v>
      </c>
      <c r="L72" s="7" t="s">
        <v>905</v>
      </c>
      <c r="M72" s="7" t="s">
        <v>906</v>
      </c>
      <c r="N72" s="7">
        <v>585202</v>
      </c>
      <c r="O72" s="8" t="s">
        <v>907</v>
      </c>
      <c r="P72" s="7" t="s">
        <v>38</v>
      </c>
      <c r="Q72" s="7" t="s">
        <v>908</v>
      </c>
      <c r="R72" s="7" t="s">
        <v>40</v>
      </c>
      <c r="S72" s="7" t="s">
        <v>40</v>
      </c>
      <c r="T72" s="7" t="s">
        <v>906</v>
      </c>
      <c r="U72" s="7">
        <v>585102</v>
      </c>
      <c r="V72" s="8" t="s">
        <v>40</v>
      </c>
      <c r="W72" s="8" t="s">
        <v>43</v>
      </c>
      <c r="X72" s="8" t="s">
        <v>44</v>
      </c>
      <c r="Y72" s="7" t="s">
        <v>45</v>
      </c>
      <c r="Z72" s="8" t="s">
        <v>909</v>
      </c>
      <c r="AA72" s="8" t="s">
        <v>40</v>
      </c>
      <c r="AB72" s="8" t="s">
        <v>47</v>
      </c>
      <c r="AC72" s="7" t="s">
        <v>40</v>
      </c>
      <c r="AD72" s="7" t="s">
        <v>40</v>
      </c>
    </row>
    <row r="73" spans="1:30" ht="30" x14ac:dyDescent="0.25">
      <c r="A73" s="7">
        <v>70</v>
      </c>
      <c r="B73" s="8" t="s">
        <v>475</v>
      </c>
      <c r="C73" s="8" t="s">
        <v>910</v>
      </c>
      <c r="D73" s="7" t="s">
        <v>911</v>
      </c>
      <c r="E73" s="8" t="s">
        <v>912</v>
      </c>
      <c r="F73" s="7">
        <v>39</v>
      </c>
      <c r="G73" s="9">
        <v>29.25</v>
      </c>
      <c r="H73" s="7">
        <v>135</v>
      </c>
      <c r="I73" s="7" t="s">
        <v>32</v>
      </c>
      <c r="J73" s="7" t="s">
        <v>913</v>
      </c>
      <c r="K73" s="7" t="s">
        <v>914</v>
      </c>
      <c r="L73" s="7" t="s">
        <v>915</v>
      </c>
      <c r="M73" s="7" t="s">
        <v>916</v>
      </c>
      <c r="N73" s="7">
        <v>600077</v>
      </c>
      <c r="O73" s="8" t="s">
        <v>917</v>
      </c>
      <c r="P73" s="7" t="s">
        <v>483</v>
      </c>
      <c r="Q73" s="7" t="s">
        <v>918</v>
      </c>
      <c r="R73" s="7" t="s">
        <v>919</v>
      </c>
      <c r="S73" s="7" t="s">
        <v>40</v>
      </c>
      <c r="T73" s="7" t="s">
        <v>916</v>
      </c>
      <c r="U73" s="7">
        <v>600089</v>
      </c>
      <c r="V73" s="8" t="s">
        <v>40</v>
      </c>
      <c r="W73" s="8" t="s">
        <v>43</v>
      </c>
      <c r="X73" s="8" t="s">
        <v>44</v>
      </c>
      <c r="Y73" s="7" t="s">
        <v>45</v>
      </c>
      <c r="Z73" s="8" t="s">
        <v>40</v>
      </c>
      <c r="AA73" s="8" t="s">
        <v>40</v>
      </c>
      <c r="AB73" s="8" t="s">
        <v>47</v>
      </c>
      <c r="AC73" s="7" t="s">
        <v>920</v>
      </c>
      <c r="AD73" s="7" t="s">
        <v>921</v>
      </c>
    </row>
    <row r="74" spans="1:30" x14ac:dyDescent="0.25">
      <c r="A74" s="7">
        <v>71</v>
      </c>
      <c r="B74" s="8" t="s">
        <v>644</v>
      </c>
      <c r="C74" s="8" t="s">
        <v>922</v>
      </c>
      <c r="D74" s="7" t="s">
        <v>923</v>
      </c>
      <c r="E74" s="8" t="s">
        <v>924</v>
      </c>
      <c r="F74" s="7">
        <v>89</v>
      </c>
      <c r="G74" s="9">
        <v>66.75</v>
      </c>
      <c r="H74" s="7">
        <v>137</v>
      </c>
      <c r="I74" s="7" t="s">
        <v>32</v>
      </c>
      <c r="J74" s="7" t="s">
        <v>925</v>
      </c>
      <c r="K74" s="7" t="s">
        <v>926</v>
      </c>
      <c r="L74" s="7" t="s">
        <v>40</v>
      </c>
      <c r="M74" s="7" t="s">
        <v>927</v>
      </c>
      <c r="N74" s="7">
        <v>606001</v>
      </c>
      <c r="O74" s="8" t="s">
        <v>928</v>
      </c>
      <c r="P74" s="7" t="s">
        <v>929</v>
      </c>
      <c r="Q74" s="7" t="s">
        <v>930</v>
      </c>
      <c r="R74" s="7" t="s">
        <v>931</v>
      </c>
      <c r="S74" s="7" t="s">
        <v>932</v>
      </c>
      <c r="T74" s="7" t="s">
        <v>931</v>
      </c>
      <c r="U74" s="7">
        <v>606001</v>
      </c>
      <c r="V74" s="8" t="s">
        <v>933</v>
      </c>
      <c r="W74" s="8" t="s">
        <v>43</v>
      </c>
      <c r="X74" s="8" t="s">
        <v>44</v>
      </c>
      <c r="Y74" s="7" t="s">
        <v>45</v>
      </c>
      <c r="Z74" s="8" t="s">
        <v>934</v>
      </c>
      <c r="AA74" s="8" t="s">
        <v>40</v>
      </c>
      <c r="AB74" s="8" t="s">
        <v>47</v>
      </c>
      <c r="AC74" s="7" t="s">
        <v>40</v>
      </c>
      <c r="AD74" s="7" t="s">
        <v>935</v>
      </c>
    </row>
    <row r="75" spans="1:30" x14ac:dyDescent="0.25">
      <c r="A75" s="7">
        <v>72</v>
      </c>
      <c r="B75" s="8" t="s">
        <v>936</v>
      </c>
      <c r="C75" s="8" t="s">
        <v>937</v>
      </c>
      <c r="D75" s="7" t="s">
        <v>938</v>
      </c>
      <c r="E75" s="8" t="s">
        <v>939</v>
      </c>
      <c r="F75" s="7">
        <v>50</v>
      </c>
      <c r="G75" s="9">
        <v>37.5</v>
      </c>
      <c r="H75" s="7">
        <v>140</v>
      </c>
      <c r="I75" s="7" t="s">
        <v>32</v>
      </c>
      <c r="J75" s="7" t="s">
        <v>940</v>
      </c>
      <c r="K75" s="7" t="s">
        <v>941</v>
      </c>
      <c r="L75" s="7" t="s">
        <v>40</v>
      </c>
      <c r="M75" s="7" t="s">
        <v>942</v>
      </c>
      <c r="N75" s="7">
        <v>620014</v>
      </c>
      <c r="O75" s="8" t="s">
        <v>943</v>
      </c>
      <c r="P75" s="7" t="s">
        <v>944</v>
      </c>
      <c r="Q75" s="7" t="s">
        <v>945</v>
      </c>
      <c r="R75" s="7" t="s">
        <v>946</v>
      </c>
      <c r="S75" s="7" t="s">
        <v>40</v>
      </c>
      <c r="T75" s="7" t="s">
        <v>947</v>
      </c>
      <c r="U75" s="7">
        <v>620014</v>
      </c>
      <c r="V75" s="8" t="s">
        <v>40</v>
      </c>
      <c r="W75" s="8" t="s">
        <v>43</v>
      </c>
      <c r="X75" s="8" t="s">
        <v>44</v>
      </c>
      <c r="Y75" s="7" t="s">
        <v>45</v>
      </c>
      <c r="Z75" s="8" t="s">
        <v>948</v>
      </c>
      <c r="AA75" s="8" t="s">
        <v>949</v>
      </c>
      <c r="AB75" s="8" t="s">
        <v>47</v>
      </c>
      <c r="AC75" s="7" t="s">
        <v>950</v>
      </c>
      <c r="AD75" s="7" t="s">
        <v>951</v>
      </c>
    </row>
    <row r="76" spans="1:30" ht="30" x14ac:dyDescent="0.25">
      <c r="A76" s="7">
        <v>73</v>
      </c>
      <c r="B76" s="8" t="s">
        <v>138</v>
      </c>
      <c r="C76" s="8" t="s">
        <v>952</v>
      </c>
      <c r="D76" s="7" t="s">
        <v>953</v>
      </c>
      <c r="E76" s="8" t="s">
        <v>954</v>
      </c>
      <c r="F76" s="7">
        <v>15</v>
      </c>
      <c r="G76" s="9">
        <v>11.25</v>
      </c>
      <c r="H76" s="7">
        <v>143</v>
      </c>
      <c r="I76" s="7" t="s">
        <v>32</v>
      </c>
      <c r="J76" s="7" t="s">
        <v>955</v>
      </c>
      <c r="K76" s="7" t="s">
        <v>956</v>
      </c>
      <c r="L76" s="7" t="s">
        <v>957</v>
      </c>
      <c r="M76" s="7" t="s">
        <v>958</v>
      </c>
      <c r="N76" s="7">
        <v>627002</v>
      </c>
      <c r="O76" s="8" t="s">
        <v>959</v>
      </c>
      <c r="P76" s="7" t="s">
        <v>95</v>
      </c>
      <c r="Q76" s="7" t="s">
        <v>960</v>
      </c>
      <c r="R76" s="7" t="s">
        <v>40</v>
      </c>
      <c r="S76" s="7" t="s">
        <v>40</v>
      </c>
      <c r="T76" s="7" t="s">
        <v>960</v>
      </c>
      <c r="U76" s="7">
        <v>1</v>
      </c>
      <c r="V76" s="8" t="s">
        <v>961</v>
      </c>
      <c r="W76" s="8" t="s">
        <v>43</v>
      </c>
      <c r="X76" s="8" t="s">
        <v>44</v>
      </c>
      <c r="Y76" s="7" t="s">
        <v>45</v>
      </c>
      <c r="Z76" s="8" t="s">
        <v>962</v>
      </c>
      <c r="AA76" s="8" t="s">
        <v>40</v>
      </c>
      <c r="AB76" s="8" t="s">
        <v>47</v>
      </c>
      <c r="AC76" s="7" t="s">
        <v>963</v>
      </c>
      <c r="AD76" s="7" t="s">
        <v>964</v>
      </c>
    </row>
    <row r="77" spans="1:30" x14ac:dyDescent="0.25">
      <c r="A77" s="7">
        <v>74</v>
      </c>
      <c r="B77" s="8" t="s">
        <v>965</v>
      </c>
      <c r="C77" s="8" t="s">
        <v>966</v>
      </c>
      <c r="D77" s="7" t="s">
        <v>967</v>
      </c>
      <c r="E77" s="8" t="s">
        <v>968</v>
      </c>
      <c r="F77" s="7">
        <v>16</v>
      </c>
      <c r="G77" s="9">
        <v>12</v>
      </c>
      <c r="H77" s="7">
        <v>155</v>
      </c>
      <c r="I77" s="7" t="s">
        <v>32</v>
      </c>
      <c r="J77" s="7" t="s">
        <v>969</v>
      </c>
      <c r="K77" s="7" t="s">
        <v>970</v>
      </c>
      <c r="L77" s="7" t="s">
        <v>971</v>
      </c>
      <c r="M77" s="7" t="s">
        <v>972</v>
      </c>
      <c r="N77" s="7">
        <v>713202</v>
      </c>
      <c r="O77" s="8" t="s">
        <v>973</v>
      </c>
      <c r="P77" s="7" t="s">
        <v>974</v>
      </c>
      <c r="Q77" s="7" t="s">
        <v>975</v>
      </c>
      <c r="R77" s="7" t="s">
        <v>976</v>
      </c>
      <c r="S77" s="7" t="s">
        <v>971</v>
      </c>
      <c r="T77" s="7" t="s">
        <v>971</v>
      </c>
      <c r="U77" s="7">
        <v>713201</v>
      </c>
      <c r="V77" s="8" t="s">
        <v>40</v>
      </c>
      <c r="W77" s="8" t="s">
        <v>43</v>
      </c>
      <c r="X77" s="8" t="s">
        <v>44</v>
      </c>
      <c r="Y77" s="7" t="s">
        <v>45</v>
      </c>
      <c r="Z77" s="8" t="s">
        <v>40</v>
      </c>
      <c r="AA77" s="8" t="s">
        <v>40</v>
      </c>
      <c r="AB77" s="8" t="s">
        <v>47</v>
      </c>
      <c r="AC77" s="7" t="s">
        <v>40</v>
      </c>
      <c r="AD77" s="7" t="s">
        <v>40</v>
      </c>
    </row>
    <row r="78" spans="1:30" ht="30" x14ac:dyDescent="0.25">
      <c r="A78" s="7">
        <v>75</v>
      </c>
      <c r="B78" s="8" t="s">
        <v>861</v>
      </c>
      <c r="C78" s="8" t="s">
        <v>977</v>
      </c>
      <c r="D78" s="7" t="s">
        <v>978</v>
      </c>
      <c r="E78" s="8" t="s">
        <v>979</v>
      </c>
      <c r="F78" s="7">
        <v>100</v>
      </c>
      <c r="G78" s="9">
        <v>75</v>
      </c>
      <c r="H78" s="7">
        <v>156</v>
      </c>
      <c r="I78" s="7" t="s">
        <v>32</v>
      </c>
      <c r="J78" s="7" t="s">
        <v>980</v>
      </c>
      <c r="K78" s="7" t="s">
        <v>40</v>
      </c>
      <c r="L78" s="7" t="s">
        <v>40</v>
      </c>
      <c r="M78" s="7" t="s">
        <v>981</v>
      </c>
      <c r="N78" s="7">
        <v>732101</v>
      </c>
      <c r="O78" s="8" t="s">
        <v>982</v>
      </c>
      <c r="P78" s="7" t="s">
        <v>983</v>
      </c>
      <c r="Q78" s="7" t="s">
        <v>984</v>
      </c>
      <c r="R78" s="7" t="s">
        <v>40</v>
      </c>
      <c r="S78" s="7" t="s">
        <v>40</v>
      </c>
      <c r="T78" s="7" t="s">
        <v>985</v>
      </c>
      <c r="U78" s="7">
        <v>732101</v>
      </c>
      <c r="V78" s="8" t="s">
        <v>40</v>
      </c>
      <c r="W78" s="8" t="s">
        <v>43</v>
      </c>
      <c r="X78" s="8" t="s">
        <v>44</v>
      </c>
      <c r="Y78" s="7" t="s">
        <v>45</v>
      </c>
      <c r="Z78" s="8" t="s">
        <v>986</v>
      </c>
      <c r="AA78" s="8" t="s">
        <v>40</v>
      </c>
      <c r="AB78" s="8" t="s">
        <v>47</v>
      </c>
      <c r="AC78" s="7" t="s">
        <v>987</v>
      </c>
      <c r="AD78" s="7" t="s">
        <v>988</v>
      </c>
    </row>
    <row r="79" spans="1:30" x14ac:dyDescent="0.25">
      <c r="A79" s="7">
        <v>76</v>
      </c>
      <c r="B79" s="8" t="s">
        <v>989</v>
      </c>
      <c r="C79" s="8" t="s">
        <v>990</v>
      </c>
      <c r="D79" s="7" t="s">
        <v>991</v>
      </c>
      <c r="E79" s="8" t="s">
        <v>992</v>
      </c>
      <c r="F79" s="7">
        <v>50</v>
      </c>
      <c r="G79" s="9">
        <v>37.5</v>
      </c>
      <c r="H79" s="7">
        <v>158</v>
      </c>
      <c r="I79" s="7" t="s">
        <v>32</v>
      </c>
      <c r="J79" s="7" t="s">
        <v>993</v>
      </c>
      <c r="K79" s="7" t="s">
        <v>994</v>
      </c>
      <c r="L79" s="7" t="s">
        <v>40</v>
      </c>
      <c r="M79" s="7" t="s">
        <v>994</v>
      </c>
      <c r="N79" s="7">
        <v>751014</v>
      </c>
      <c r="O79" s="8" t="s">
        <v>995</v>
      </c>
      <c r="P79" s="7" t="s">
        <v>883</v>
      </c>
      <c r="Q79" s="7" t="s">
        <v>996</v>
      </c>
      <c r="R79" s="7" t="s">
        <v>994</v>
      </c>
      <c r="S79" s="7" t="s">
        <v>40</v>
      </c>
      <c r="T79" s="7" t="s">
        <v>994</v>
      </c>
      <c r="U79" s="7">
        <v>751009</v>
      </c>
      <c r="V79" s="8" t="s">
        <v>40</v>
      </c>
      <c r="W79" s="8" t="s">
        <v>43</v>
      </c>
      <c r="X79" s="8" t="s">
        <v>44</v>
      </c>
      <c r="Y79" s="7" t="s">
        <v>997</v>
      </c>
      <c r="Z79" s="8" t="s">
        <v>998</v>
      </c>
      <c r="AA79" s="8" t="s">
        <v>40</v>
      </c>
      <c r="AB79" s="8" t="s">
        <v>47</v>
      </c>
      <c r="AC79" s="7" t="s">
        <v>40</v>
      </c>
      <c r="AD79" s="7" t="s">
        <v>999</v>
      </c>
    </row>
    <row r="80" spans="1:30" x14ac:dyDescent="0.25">
      <c r="A80" s="7">
        <v>77</v>
      </c>
      <c r="B80" s="8" t="s">
        <v>644</v>
      </c>
      <c r="C80" s="8" t="s">
        <v>1000</v>
      </c>
      <c r="D80" s="7" t="s">
        <v>1001</v>
      </c>
      <c r="E80" s="8" t="s">
        <v>1002</v>
      </c>
      <c r="F80" s="7">
        <v>50</v>
      </c>
      <c r="G80" s="9">
        <v>37.5</v>
      </c>
      <c r="H80" s="7">
        <v>159</v>
      </c>
      <c r="I80" s="7" t="s">
        <v>32</v>
      </c>
      <c r="J80" s="7" t="s">
        <v>1003</v>
      </c>
      <c r="K80" s="7" t="s">
        <v>1004</v>
      </c>
      <c r="L80" s="7" t="s">
        <v>40</v>
      </c>
      <c r="M80" s="7" t="s">
        <v>1005</v>
      </c>
      <c r="N80" s="7">
        <v>756001</v>
      </c>
      <c r="O80" s="8" t="s">
        <v>1006</v>
      </c>
      <c r="P80" s="7" t="s">
        <v>38</v>
      </c>
      <c r="Q80" s="7" t="s">
        <v>1007</v>
      </c>
      <c r="R80" s="7" t="s">
        <v>1008</v>
      </c>
      <c r="S80" s="7" t="s">
        <v>40</v>
      </c>
      <c r="T80" s="7" t="s">
        <v>1009</v>
      </c>
      <c r="U80" s="7">
        <v>756003</v>
      </c>
      <c r="V80" s="8" t="s">
        <v>40</v>
      </c>
      <c r="W80" s="8" t="s">
        <v>43</v>
      </c>
      <c r="X80" s="8" t="s">
        <v>44</v>
      </c>
      <c r="Y80" s="7" t="s">
        <v>45</v>
      </c>
      <c r="Z80" s="8" t="s">
        <v>1010</v>
      </c>
      <c r="AA80" s="8" t="s">
        <v>40</v>
      </c>
      <c r="AB80" s="8" t="s">
        <v>47</v>
      </c>
      <c r="AC80" s="7" t="s">
        <v>40</v>
      </c>
      <c r="AD80" s="7" t="s">
        <v>1011</v>
      </c>
    </row>
    <row r="81" spans="1:30" ht="30" x14ac:dyDescent="0.25">
      <c r="A81" s="7">
        <v>78</v>
      </c>
      <c r="B81" s="8" t="s">
        <v>1012</v>
      </c>
      <c r="C81" s="8" t="s">
        <v>1013</v>
      </c>
      <c r="D81" s="7" t="s">
        <v>1014</v>
      </c>
      <c r="E81" s="8" t="s">
        <v>1015</v>
      </c>
      <c r="F81" s="7">
        <v>8</v>
      </c>
      <c r="G81" s="9">
        <v>6</v>
      </c>
      <c r="H81" s="7">
        <v>160</v>
      </c>
      <c r="I81" s="7" t="s">
        <v>32</v>
      </c>
      <c r="J81" s="7" t="s">
        <v>1016</v>
      </c>
      <c r="K81" s="7" t="s">
        <v>1017</v>
      </c>
      <c r="L81" s="7" t="s">
        <v>1018</v>
      </c>
      <c r="M81" s="7" t="s">
        <v>1019</v>
      </c>
      <c r="N81" s="7">
        <v>815301</v>
      </c>
      <c r="O81" s="8" t="s">
        <v>1020</v>
      </c>
      <c r="P81" s="7" t="s">
        <v>1021</v>
      </c>
      <c r="Q81" s="7" t="s">
        <v>1022</v>
      </c>
      <c r="R81" s="7" t="s">
        <v>1022</v>
      </c>
      <c r="S81" s="7" t="s">
        <v>1022</v>
      </c>
      <c r="T81" s="7" t="s">
        <v>1022</v>
      </c>
      <c r="U81" s="7" t="s">
        <v>1023</v>
      </c>
      <c r="V81" s="8" t="s">
        <v>1024</v>
      </c>
      <c r="W81" s="8" t="s">
        <v>43</v>
      </c>
      <c r="X81" s="8" t="s">
        <v>44</v>
      </c>
      <c r="Y81" s="7" t="s">
        <v>45</v>
      </c>
      <c r="Z81" s="8" t="s">
        <v>1025</v>
      </c>
      <c r="AA81" s="8" t="s">
        <v>40</v>
      </c>
      <c r="AB81" s="8" t="s">
        <v>47</v>
      </c>
      <c r="AC81" s="7" t="s">
        <v>1026</v>
      </c>
      <c r="AD81" s="7" t="s">
        <v>1027</v>
      </c>
    </row>
    <row r="82" spans="1:30" ht="30" x14ac:dyDescent="0.25">
      <c r="A82" s="7">
        <v>79</v>
      </c>
      <c r="B82" s="8" t="s">
        <v>644</v>
      </c>
      <c r="C82" s="8" t="s">
        <v>1028</v>
      </c>
      <c r="D82" s="7" t="s">
        <v>1029</v>
      </c>
      <c r="E82" s="8" t="s">
        <v>1030</v>
      </c>
      <c r="F82" s="7">
        <v>50</v>
      </c>
      <c r="G82" s="9">
        <v>37.5</v>
      </c>
      <c r="H82" s="7">
        <v>161</v>
      </c>
      <c r="I82" s="7" t="s">
        <v>32</v>
      </c>
      <c r="J82" s="7" t="s">
        <v>1031</v>
      </c>
      <c r="K82" s="7" t="s">
        <v>1032</v>
      </c>
      <c r="L82" s="7" t="s">
        <v>1033</v>
      </c>
      <c r="M82" s="7" t="s">
        <v>1034</v>
      </c>
      <c r="N82" s="7">
        <v>826001</v>
      </c>
      <c r="O82" s="8" t="s">
        <v>1035</v>
      </c>
      <c r="P82" s="7" t="s">
        <v>147</v>
      </c>
      <c r="Q82" s="7" t="s">
        <v>1036</v>
      </c>
      <c r="R82" s="7" t="s">
        <v>1037</v>
      </c>
      <c r="S82" s="7" t="s">
        <v>40</v>
      </c>
      <c r="T82" s="7" t="s">
        <v>1038</v>
      </c>
      <c r="U82" s="7">
        <v>826001</v>
      </c>
      <c r="V82" s="8" t="s">
        <v>40</v>
      </c>
      <c r="W82" s="8" t="s">
        <v>43</v>
      </c>
      <c r="X82" s="8" t="s">
        <v>44</v>
      </c>
      <c r="Y82" s="7" t="s">
        <v>45</v>
      </c>
      <c r="Z82" s="8" t="s">
        <v>1039</v>
      </c>
      <c r="AA82" s="8" t="s">
        <v>40</v>
      </c>
      <c r="AB82" s="8" t="s">
        <v>47</v>
      </c>
      <c r="AC82" s="7" t="s">
        <v>40</v>
      </c>
      <c r="AD82" s="7" t="s">
        <v>1040</v>
      </c>
    </row>
    <row r="83" spans="1:30" ht="30" x14ac:dyDescent="0.25">
      <c r="A83" s="7">
        <v>80</v>
      </c>
      <c r="B83" s="8" t="s">
        <v>1041</v>
      </c>
      <c r="C83" s="8" t="s">
        <v>1042</v>
      </c>
      <c r="D83" s="7" t="s">
        <v>1043</v>
      </c>
      <c r="E83" s="8" t="s">
        <v>1044</v>
      </c>
      <c r="F83" s="7">
        <v>50</v>
      </c>
      <c r="G83" s="9">
        <v>37.5</v>
      </c>
      <c r="H83" s="7">
        <v>163</v>
      </c>
      <c r="I83" s="7" t="s">
        <v>32</v>
      </c>
      <c r="J83" s="7" t="s">
        <v>1045</v>
      </c>
      <c r="K83" s="7" t="s">
        <v>1046</v>
      </c>
      <c r="L83" s="7" t="s">
        <v>1047</v>
      </c>
      <c r="M83" s="7" t="s">
        <v>393</v>
      </c>
      <c r="N83" s="7">
        <v>0</v>
      </c>
      <c r="O83" s="8" t="s">
        <v>392</v>
      </c>
      <c r="P83" s="7" t="s">
        <v>393</v>
      </c>
      <c r="Q83" s="7" t="s">
        <v>393</v>
      </c>
      <c r="R83" s="7" t="s">
        <v>393</v>
      </c>
      <c r="S83" s="7" t="s">
        <v>393</v>
      </c>
      <c r="T83" s="7" t="s">
        <v>393</v>
      </c>
      <c r="U83" s="7">
        <v>0</v>
      </c>
      <c r="V83" s="8" t="s">
        <v>44</v>
      </c>
      <c r="W83" s="8" t="s">
        <v>44</v>
      </c>
      <c r="X83" s="8" t="s">
        <v>44</v>
      </c>
      <c r="Y83" s="7" t="s">
        <v>45</v>
      </c>
      <c r="Z83" s="8" t="s">
        <v>47</v>
      </c>
      <c r="AA83" s="8" t="s">
        <v>47</v>
      </c>
      <c r="AB83" s="8" t="s">
        <v>47</v>
      </c>
      <c r="AC83" s="7" t="s">
        <v>746</v>
      </c>
      <c r="AD83" s="7" t="s">
        <v>392</v>
      </c>
    </row>
    <row r="84" spans="1:30" x14ac:dyDescent="0.25">
      <c r="A84" s="7">
        <v>81</v>
      </c>
      <c r="B84" s="8" t="s">
        <v>1048</v>
      </c>
      <c r="C84" s="8" t="s">
        <v>1049</v>
      </c>
      <c r="D84" s="7" t="s">
        <v>1050</v>
      </c>
      <c r="E84" s="8" t="s">
        <v>1051</v>
      </c>
      <c r="F84" s="7">
        <v>50</v>
      </c>
      <c r="G84" s="9">
        <v>37.5</v>
      </c>
      <c r="H84" s="7">
        <v>164</v>
      </c>
      <c r="I84" s="7" t="s">
        <v>32</v>
      </c>
      <c r="J84" s="7" t="s">
        <v>1052</v>
      </c>
      <c r="K84" s="7" t="s">
        <v>1053</v>
      </c>
      <c r="L84" s="7" t="s">
        <v>506</v>
      </c>
      <c r="M84" s="7" t="s">
        <v>393</v>
      </c>
      <c r="N84" s="7">
        <v>395009</v>
      </c>
      <c r="O84" s="8" t="s">
        <v>392</v>
      </c>
      <c r="P84" s="7" t="s">
        <v>393</v>
      </c>
      <c r="Q84" s="7" t="s">
        <v>393</v>
      </c>
      <c r="R84" s="7" t="s">
        <v>393</v>
      </c>
      <c r="S84" s="7" t="s">
        <v>393</v>
      </c>
      <c r="T84" s="7" t="s">
        <v>393</v>
      </c>
      <c r="U84" s="7">
        <v>0</v>
      </c>
      <c r="V84" s="8" t="s">
        <v>44</v>
      </c>
      <c r="W84" s="8" t="s">
        <v>44</v>
      </c>
      <c r="X84" s="8" t="s">
        <v>44</v>
      </c>
      <c r="Y84" s="7" t="s">
        <v>45</v>
      </c>
      <c r="Z84" s="8" t="s">
        <v>47</v>
      </c>
      <c r="AA84" s="8" t="s">
        <v>47</v>
      </c>
      <c r="AB84" s="8" t="s">
        <v>47</v>
      </c>
      <c r="AC84" s="7" t="s">
        <v>746</v>
      </c>
      <c r="AD84" s="7" t="s">
        <v>392</v>
      </c>
    </row>
    <row r="85" spans="1:30" x14ac:dyDescent="0.25">
      <c r="A85" s="7">
        <v>82</v>
      </c>
      <c r="B85" s="8" t="s">
        <v>436</v>
      </c>
      <c r="C85" s="8" t="s">
        <v>1054</v>
      </c>
      <c r="D85" s="7" t="s">
        <v>1055</v>
      </c>
      <c r="E85" s="8" t="s">
        <v>1056</v>
      </c>
      <c r="F85" s="7">
        <v>273</v>
      </c>
      <c r="G85" s="9">
        <v>204.75</v>
      </c>
      <c r="H85" s="7">
        <v>0</v>
      </c>
      <c r="I85" s="7" t="s">
        <v>1057</v>
      </c>
      <c r="J85" s="7" t="s">
        <v>1058</v>
      </c>
      <c r="K85" s="7" t="s">
        <v>1059</v>
      </c>
      <c r="L85" s="7" t="s">
        <v>40</v>
      </c>
      <c r="M85" s="7" t="s">
        <v>1060</v>
      </c>
      <c r="N85" s="7">
        <v>100</v>
      </c>
      <c r="O85" s="8" t="s">
        <v>1061</v>
      </c>
      <c r="P85" s="7" t="s">
        <v>444</v>
      </c>
      <c r="Q85" s="7" t="s">
        <v>1062</v>
      </c>
      <c r="R85" s="7" t="s">
        <v>1063</v>
      </c>
      <c r="S85" s="7" t="s">
        <v>1064</v>
      </c>
      <c r="T85" s="7" t="s">
        <v>533</v>
      </c>
      <c r="U85" s="7">
        <v>400001</v>
      </c>
      <c r="V85" s="8" t="s">
        <v>1065</v>
      </c>
      <c r="W85" s="8" t="s">
        <v>43</v>
      </c>
      <c r="X85" s="8" t="s">
        <v>44</v>
      </c>
      <c r="Y85" s="7" t="s">
        <v>45</v>
      </c>
      <c r="Z85" s="8" t="s">
        <v>1066</v>
      </c>
      <c r="AA85" s="8" t="s">
        <v>40</v>
      </c>
      <c r="AB85" s="8" t="s">
        <v>47</v>
      </c>
      <c r="AC85" s="7" t="s">
        <v>1067</v>
      </c>
      <c r="AD85" s="7" t="s">
        <v>1068</v>
      </c>
    </row>
    <row r="86" spans="1:30" x14ac:dyDescent="0.25">
      <c r="A86" s="7">
        <v>83</v>
      </c>
      <c r="B86" s="8" t="s">
        <v>180</v>
      </c>
      <c r="C86" s="8" t="s">
        <v>1069</v>
      </c>
      <c r="D86" s="7" t="s">
        <v>1070</v>
      </c>
      <c r="E86" s="8" t="s">
        <v>1071</v>
      </c>
      <c r="F86" s="7">
        <v>200</v>
      </c>
      <c r="G86" s="9">
        <v>150</v>
      </c>
      <c r="H86" s="7">
        <v>0</v>
      </c>
      <c r="I86" s="7" t="s">
        <v>1057</v>
      </c>
      <c r="J86" s="7" t="s">
        <v>1072</v>
      </c>
      <c r="K86" s="7" t="s">
        <v>1073</v>
      </c>
      <c r="L86" s="7" t="s">
        <v>40</v>
      </c>
      <c r="M86" s="7" t="s">
        <v>36</v>
      </c>
      <c r="N86" s="7">
        <v>110007</v>
      </c>
      <c r="O86" s="8" t="s">
        <v>1074</v>
      </c>
      <c r="P86" s="7" t="s">
        <v>147</v>
      </c>
      <c r="Q86" s="7" t="s">
        <v>1075</v>
      </c>
      <c r="R86" s="7" t="s">
        <v>1073</v>
      </c>
      <c r="S86" s="7" t="s">
        <v>40</v>
      </c>
      <c r="T86" s="7" t="s">
        <v>36</v>
      </c>
      <c r="U86" s="7">
        <v>110007</v>
      </c>
      <c r="V86" s="8" t="s">
        <v>1076</v>
      </c>
      <c r="W86" s="8" t="s">
        <v>43</v>
      </c>
      <c r="X86" s="8" t="s">
        <v>44</v>
      </c>
      <c r="Y86" s="7" t="s">
        <v>45</v>
      </c>
      <c r="Z86" s="8" t="s">
        <v>1077</v>
      </c>
      <c r="AA86" s="8" t="s">
        <v>40</v>
      </c>
      <c r="AB86" s="8" t="s">
        <v>47</v>
      </c>
      <c r="AC86" s="7" t="s">
        <v>1078</v>
      </c>
      <c r="AD86" s="7" t="s">
        <v>1079</v>
      </c>
    </row>
    <row r="87" spans="1:30" x14ac:dyDescent="0.25">
      <c r="A87" s="7">
        <v>84</v>
      </c>
      <c r="B87" s="8" t="s">
        <v>1080</v>
      </c>
      <c r="C87" s="8" t="s">
        <v>1081</v>
      </c>
      <c r="D87" s="7" t="s">
        <v>1082</v>
      </c>
      <c r="E87" s="8" t="s">
        <v>1083</v>
      </c>
      <c r="F87" s="7">
        <v>1</v>
      </c>
      <c r="G87" s="9">
        <v>0.75</v>
      </c>
      <c r="H87" s="7">
        <v>0</v>
      </c>
      <c r="I87" s="7" t="s">
        <v>1057</v>
      </c>
      <c r="J87" s="7" t="s">
        <v>1084</v>
      </c>
      <c r="K87" s="7" t="s">
        <v>1085</v>
      </c>
      <c r="L87" s="7" t="s">
        <v>1086</v>
      </c>
      <c r="M87" s="7" t="s">
        <v>36</v>
      </c>
      <c r="N87" s="7">
        <v>110015</v>
      </c>
      <c r="O87" s="8" t="s">
        <v>1087</v>
      </c>
      <c r="P87" s="7" t="s">
        <v>1088</v>
      </c>
      <c r="Q87" s="7" t="s">
        <v>1089</v>
      </c>
      <c r="R87" s="7" t="s">
        <v>1090</v>
      </c>
      <c r="S87" s="7" t="s">
        <v>40</v>
      </c>
      <c r="T87" s="7" t="s">
        <v>60</v>
      </c>
      <c r="U87" s="7">
        <v>110001</v>
      </c>
      <c r="V87" s="8" t="s">
        <v>1091</v>
      </c>
      <c r="W87" s="8" t="s">
        <v>43</v>
      </c>
      <c r="X87" s="8" t="s">
        <v>44</v>
      </c>
      <c r="Y87" s="7" t="s">
        <v>45</v>
      </c>
      <c r="Z87" s="8" t="s">
        <v>1092</v>
      </c>
      <c r="AA87" s="8" t="s">
        <v>40</v>
      </c>
      <c r="AB87" s="8" t="s">
        <v>47</v>
      </c>
      <c r="AC87" s="7" t="s">
        <v>40</v>
      </c>
      <c r="AD87" s="7" t="s">
        <v>1093</v>
      </c>
    </row>
    <row r="88" spans="1:30" x14ac:dyDescent="0.25">
      <c r="A88" s="7">
        <v>85</v>
      </c>
      <c r="B88" s="8" t="s">
        <v>1080</v>
      </c>
      <c r="C88" s="8" t="s">
        <v>1094</v>
      </c>
      <c r="D88" s="7" t="s">
        <v>1095</v>
      </c>
      <c r="E88" s="8" t="s">
        <v>1096</v>
      </c>
      <c r="F88" s="7">
        <v>1</v>
      </c>
      <c r="G88" s="9">
        <v>0.75</v>
      </c>
      <c r="H88" s="7">
        <v>0</v>
      </c>
      <c r="I88" s="7" t="s">
        <v>1057</v>
      </c>
      <c r="J88" s="7" t="s">
        <v>1084</v>
      </c>
      <c r="K88" s="7" t="s">
        <v>1085</v>
      </c>
      <c r="L88" s="7" t="s">
        <v>1086</v>
      </c>
      <c r="M88" s="7" t="s">
        <v>60</v>
      </c>
      <c r="N88" s="7">
        <v>110015</v>
      </c>
      <c r="O88" s="8" t="s">
        <v>1087</v>
      </c>
      <c r="P88" s="7" t="s">
        <v>1088</v>
      </c>
      <c r="Q88" s="7" t="s">
        <v>1089</v>
      </c>
      <c r="R88" s="7" t="s">
        <v>1090</v>
      </c>
      <c r="S88" s="7" t="s">
        <v>40</v>
      </c>
      <c r="T88" s="7" t="s">
        <v>60</v>
      </c>
      <c r="U88" s="7">
        <v>110001</v>
      </c>
      <c r="V88" s="8" t="s">
        <v>1091</v>
      </c>
      <c r="W88" s="8" t="s">
        <v>43</v>
      </c>
      <c r="X88" s="8" t="s">
        <v>44</v>
      </c>
      <c r="Y88" s="7" t="s">
        <v>45</v>
      </c>
      <c r="Z88" s="8" t="s">
        <v>1092</v>
      </c>
      <c r="AA88" s="8" t="s">
        <v>40</v>
      </c>
      <c r="AB88" s="8" t="s">
        <v>47</v>
      </c>
      <c r="AC88" s="7" t="s">
        <v>40</v>
      </c>
      <c r="AD88" s="7" t="s">
        <v>1093</v>
      </c>
    </row>
    <row r="89" spans="1:30" x14ac:dyDescent="0.25">
      <c r="A89" s="7">
        <v>86</v>
      </c>
      <c r="B89" s="8" t="s">
        <v>1097</v>
      </c>
      <c r="C89" s="8" t="s">
        <v>1098</v>
      </c>
      <c r="D89" s="7" t="s">
        <v>1099</v>
      </c>
      <c r="E89" s="8" t="s">
        <v>1100</v>
      </c>
      <c r="F89" s="7">
        <v>4</v>
      </c>
      <c r="G89" s="9">
        <v>3</v>
      </c>
      <c r="H89" s="7">
        <v>0</v>
      </c>
      <c r="I89" s="7" t="s">
        <v>1057</v>
      </c>
      <c r="J89" s="7" t="s">
        <v>1101</v>
      </c>
      <c r="K89" s="7" t="s">
        <v>1102</v>
      </c>
      <c r="L89" s="7" t="s">
        <v>40</v>
      </c>
      <c r="M89" s="7" t="s">
        <v>2809</v>
      </c>
      <c r="N89" s="7">
        <v>110024</v>
      </c>
      <c r="O89" s="8" t="s">
        <v>1103</v>
      </c>
      <c r="P89" s="7" t="s">
        <v>203</v>
      </c>
      <c r="Q89" s="7" t="s">
        <v>1104</v>
      </c>
      <c r="R89" s="7" t="s">
        <v>40</v>
      </c>
      <c r="S89" s="7" t="s">
        <v>40</v>
      </c>
      <c r="T89" s="7" t="s">
        <v>60</v>
      </c>
      <c r="U89" s="7">
        <v>110024</v>
      </c>
      <c r="V89" s="8" t="s">
        <v>1105</v>
      </c>
      <c r="W89" s="8" t="s">
        <v>43</v>
      </c>
      <c r="X89" s="8" t="s">
        <v>44</v>
      </c>
      <c r="Y89" s="7" t="s">
        <v>45</v>
      </c>
      <c r="Z89" s="8" t="s">
        <v>1106</v>
      </c>
      <c r="AA89" s="8" t="s">
        <v>40</v>
      </c>
      <c r="AB89" s="8" t="s">
        <v>47</v>
      </c>
      <c r="AC89" s="7" t="s">
        <v>1107</v>
      </c>
      <c r="AD89" s="7" t="s">
        <v>1108</v>
      </c>
    </row>
    <row r="90" spans="1:30" x14ac:dyDescent="0.25">
      <c r="A90" s="7">
        <v>87</v>
      </c>
      <c r="B90" s="8" t="s">
        <v>396</v>
      </c>
      <c r="C90" s="8" t="s">
        <v>1109</v>
      </c>
      <c r="D90" s="7" t="s">
        <v>1110</v>
      </c>
      <c r="E90" s="8" t="s">
        <v>1111</v>
      </c>
      <c r="F90" s="7">
        <v>1</v>
      </c>
      <c r="G90" s="9">
        <v>0.75</v>
      </c>
      <c r="H90" s="7">
        <v>0</v>
      </c>
      <c r="I90" s="7" t="s">
        <v>1057</v>
      </c>
      <c r="J90" s="7" t="s">
        <v>1112</v>
      </c>
      <c r="K90" s="7" t="s">
        <v>1113</v>
      </c>
      <c r="L90" s="7" t="s">
        <v>40</v>
      </c>
      <c r="M90" s="7" t="s">
        <v>2808</v>
      </c>
      <c r="N90" s="7">
        <v>110063</v>
      </c>
      <c r="O90" s="8" t="s">
        <v>1114</v>
      </c>
      <c r="P90" s="7" t="s">
        <v>38</v>
      </c>
      <c r="Q90" s="7" t="s">
        <v>1115</v>
      </c>
      <c r="R90" s="7" t="s">
        <v>40</v>
      </c>
      <c r="S90" s="7" t="s">
        <v>40</v>
      </c>
      <c r="T90" s="7" t="s">
        <v>1116</v>
      </c>
      <c r="U90" s="7">
        <v>110063</v>
      </c>
      <c r="V90" s="8" t="s">
        <v>1117</v>
      </c>
      <c r="W90" s="8" t="s">
        <v>43</v>
      </c>
      <c r="X90" s="8" t="s">
        <v>44</v>
      </c>
      <c r="Y90" s="7" t="s">
        <v>45</v>
      </c>
      <c r="Z90" s="8" t="s">
        <v>40</v>
      </c>
      <c r="AA90" s="8" t="s">
        <v>40</v>
      </c>
      <c r="AB90" s="8" t="s">
        <v>47</v>
      </c>
      <c r="AC90" s="7" t="s">
        <v>1118</v>
      </c>
      <c r="AD90" s="7" t="s">
        <v>1119</v>
      </c>
    </row>
    <row r="91" spans="1:30" x14ac:dyDescent="0.25">
      <c r="A91" s="7">
        <v>88</v>
      </c>
      <c r="B91" s="8" t="s">
        <v>1120</v>
      </c>
      <c r="C91" s="8" t="s">
        <v>1121</v>
      </c>
      <c r="D91" s="7" t="s">
        <v>1122</v>
      </c>
      <c r="E91" s="8" t="s">
        <v>1123</v>
      </c>
      <c r="F91" s="7">
        <v>40</v>
      </c>
      <c r="G91" s="9">
        <v>30</v>
      </c>
      <c r="H91" s="7">
        <v>0</v>
      </c>
      <c r="I91" s="7" t="s">
        <v>1057</v>
      </c>
      <c r="J91" s="7">
        <v>1379</v>
      </c>
      <c r="K91" s="7" t="s">
        <v>1124</v>
      </c>
      <c r="L91" s="7" t="s">
        <v>1125</v>
      </c>
      <c r="M91" s="7" t="s">
        <v>2807</v>
      </c>
      <c r="N91" s="7">
        <v>110070</v>
      </c>
      <c r="O91" s="8" t="s">
        <v>1126</v>
      </c>
      <c r="P91" s="7" t="s">
        <v>1127</v>
      </c>
      <c r="Q91" s="7" t="s">
        <v>1128</v>
      </c>
      <c r="R91" s="7" t="s">
        <v>1129</v>
      </c>
      <c r="S91" s="7" t="s">
        <v>1130</v>
      </c>
      <c r="T91" s="7" t="s">
        <v>60</v>
      </c>
      <c r="U91" s="7">
        <v>110070</v>
      </c>
      <c r="V91" s="8" t="s">
        <v>1131</v>
      </c>
      <c r="W91" s="8" t="s">
        <v>43</v>
      </c>
      <c r="X91" s="8" t="s">
        <v>44</v>
      </c>
      <c r="Y91" s="7" t="s">
        <v>45</v>
      </c>
      <c r="Z91" s="8" t="s">
        <v>1132</v>
      </c>
      <c r="AA91" s="8" t="s">
        <v>40</v>
      </c>
      <c r="AB91" s="8" t="s">
        <v>47</v>
      </c>
      <c r="AC91" s="7" t="s">
        <v>1133</v>
      </c>
      <c r="AD91" s="7" t="s">
        <v>1134</v>
      </c>
    </row>
    <row r="92" spans="1:30" x14ac:dyDescent="0.25">
      <c r="A92" s="7">
        <v>89</v>
      </c>
      <c r="B92" s="8" t="s">
        <v>1135</v>
      </c>
      <c r="C92" s="8" t="s">
        <v>1136</v>
      </c>
      <c r="D92" s="7" t="s">
        <v>1137</v>
      </c>
      <c r="E92" s="8" t="s">
        <v>1138</v>
      </c>
      <c r="F92" s="7">
        <v>50</v>
      </c>
      <c r="G92" s="9">
        <v>37.5</v>
      </c>
      <c r="H92" s="7">
        <v>0</v>
      </c>
      <c r="I92" s="7" t="s">
        <v>1057</v>
      </c>
      <c r="J92" s="7" t="s">
        <v>1139</v>
      </c>
      <c r="K92" s="7" t="s">
        <v>1140</v>
      </c>
      <c r="L92" s="7" t="s">
        <v>40</v>
      </c>
      <c r="M92" s="7" t="s">
        <v>36</v>
      </c>
      <c r="N92" s="7">
        <v>110085</v>
      </c>
      <c r="O92" s="8" t="s">
        <v>1141</v>
      </c>
      <c r="P92" s="7" t="s">
        <v>258</v>
      </c>
      <c r="Q92" s="7" t="s">
        <v>1142</v>
      </c>
      <c r="R92" s="7" t="s">
        <v>1143</v>
      </c>
      <c r="S92" s="7" t="s">
        <v>36</v>
      </c>
      <c r="T92" s="7" t="s">
        <v>36</v>
      </c>
      <c r="U92" s="7">
        <v>110083</v>
      </c>
      <c r="V92" s="8" t="s">
        <v>1144</v>
      </c>
      <c r="W92" s="8" t="s">
        <v>43</v>
      </c>
      <c r="X92" s="8" t="s">
        <v>44</v>
      </c>
      <c r="Y92" s="7" t="s">
        <v>45</v>
      </c>
      <c r="Z92" s="8" t="s">
        <v>40</v>
      </c>
      <c r="AA92" s="8" t="s">
        <v>40</v>
      </c>
      <c r="AB92" s="8" t="s">
        <v>47</v>
      </c>
      <c r="AC92" s="7" t="s">
        <v>40</v>
      </c>
      <c r="AD92" s="7" t="s">
        <v>40</v>
      </c>
    </row>
    <row r="93" spans="1:30" x14ac:dyDescent="0.25">
      <c r="A93" s="7">
        <v>90</v>
      </c>
      <c r="B93" s="8" t="s">
        <v>276</v>
      </c>
      <c r="C93" s="8" t="s">
        <v>1145</v>
      </c>
      <c r="D93" s="7" t="s">
        <v>1146</v>
      </c>
      <c r="E93" s="8" t="s">
        <v>1147</v>
      </c>
      <c r="F93" s="7">
        <v>20</v>
      </c>
      <c r="G93" s="9">
        <v>15</v>
      </c>
      <c r="H93" s="7">
        <v>0</v>
      </c>
      <c r="I93" s="7" t="s">
        <v>1057</v>
      </c>
      <c r="J93" s="7" t="s">
        <v>1148</v>
      </c>
      <c r="K93" s="7" t="s">
        <v>1149</v>
      </c>
      <c r="L93" s="7" t="s">
        <v>40</v>
      </c>
      <c r="M93" s="7" t="s">
        <v>2806</v>
      </c>
      <c r="N93" s="7">
        <v>110091</v>
      </c>
      <c r="O93" s="8" t="s">
        <v>1150</v>
      </c>
      <c r="P93" s="7" t="s">
        <v>161</v>
      </c>
      <c r="Q93" s="7" t="s">
        <v>1151</v>
      </c>
      <c r="R93" s="7" t="s">
        <v>1152</v>
      </c>
      <c r="S93" s="7" t="s">
        <v>1153</v>
      </c>
      <c r="T93" s="7" t="s">
        <v>1154</v>
      </c>
      <c r="U93" s="7">
        <v>560001</v>
      </c>
      <c r="V93" s="8" t="s">
        <v>1155</v>
      </c>
      <c r="W93" s="8" t="s">
        <v>43</v>
      </c>
      <c r="X93" s="8" t="s">
        <v>44</v>
      </c>
      <c r="Y93" s="7" t="s">
        <v>45</v>
      </c>
      <c r="Z93" s="8" t="s">
        <v>1156</v>
      </c>
      <c r="AA93" s="8" t="s">
        <v>40</v>
      </c>
      <c r="AB93" s="8" t="s">
        <v>47</v>
      </c>
      <c r="AC93" s="7" t="s">
        <v>1157</v>
      </c>
      <c r="AD93" s="7" t="s">
        <v>1158</v>
      </c>
    </row>
    <row r="94" spans="1:30" ht="30" x14ac:dyDescent="0.25">
      <c r="A94" s="7">
        <v>91</v>
      </c>
      <c r="B94" s="8" t="s">
        <v>396</v>
      </c>
      <c r="C94" s="8" t="s">
        <v>1159</v>
      </c>
      <c r="D94" s="7" t="s">
        <v>1160</v>
      </c>
      <c r="E94" s="8" t="s">
        <v>1161</v>
      </c>
      <c r="F94" s="7">
        <v>1</v>
      </c>
      <c r="G94" s="9">
        <v>0.75</v>
      </c>
      <c r="H94" s="7">
        <v>0</v>
      </c>
      <c r="I94" s="7" t="s">
        <v>1057</v>
      </c>
      <c r="J94" s="7" t="s">
        <v>1162</v>
      </c>
      <c r="K94" s="7" t="s">
        <v>1163</v>
      </c>
      <c r="L94" s="7" t="s">
        <v>1164</v>
      </c>
      <c r="M94" s="7" t="s">
        <v>1165</v>
      </c>
      <c r="N94" s="7">
        <v>111111</v>
      </c>
      <c r="O94" s="8" t="s">
        <v>1166</v>
      </c>
      <c r="P94" s="7" t="s">
        <v>444</v>
      </c>
      <c r="Q94" s="7" t="s">
        <v>1167</v>
      </c>
      <c r="R94" s="7" t="s">
        <v>1168</v>
      </c>
      <c r="S94" s="7" t="s">
        <v>40</v>
      </c>
      <c r="T94" s="7" t="s">
        <v>1169</v>
      </c>
      <c r="U94" s="7">
        <v>682035</v>
      </c>
      <c r="V94" s="8" t="s">
        <v>1170</v>
      </c>
      <c r="W94" s="8" t="s">
        <v>43</v>
      </c>
      <c r="X94" s="8" t="s">
        <v>44</v>
      </c>
      <c r="Y94" s="7" t="s">
        <v>45</v>
      </c>
      <c r="Z94" s="8" t="s">
        <v>40</v>
      </c>
      <c r="AA94" s="8" t="s">
        <v>40</v>
      </c>
      <c r="AB94" s="8" t="s">
        <v>47</v>
      </c>
      <c r="AC94" s="7" t="s">
        <v>1171</v>
      </c>
      <c r="AD94" s="7" t="s">
        <v>1172</v>
      </c>
    </row>
    <row r="95" spans="1:30" x14ac:dyDescent="0.25">
      <c r="A95" s="7">
        <v>92</v>
      </c>
      <c r="B95" s="8" t="s">
        <v>1080</v>
      </c>
      <c r="C95" s="8" t="s">
        <v>1173</v>
      </c>
      <c r="D95" s="7" t="s">
        <v>1174</v>
      </c>
      <c r="E95" s="8" t="s">
        <v>1175</v>
      </c>
      <c r="F95" s="7">
        <v>50</v>
      </c>
      <c r="G95" s="9">
        <v>37.5</v>
      </c>
      <c r="H95" s="7">
        <v>0</v>
      </c>
      <c r="I95" s="7" t="s">
        <v>1057</v>
      </c>
      <c r="J95" s="7" t="s">
        <v>1176</v>
      </c>
      <c r="K95" s="7" t="s">
        <v>1177</v>
      </c>
      <c r="L95" s="7" t="s">
        <v>128</v>
      </c>
      <c r="M95" s="7" t="s">
        <v>1178</v>
      </c>
      <c r="N95" s="7">
        <v>122002</v>
      </c>
      <c r="O95" s="8" t="s">
        <v>1179</v>
      </c>
      <c r="P95" s="7" t="s">
        <v>1180</v>
      </c>
      <c r="Q95" s="7" t="s">
        <v>1181</v>
      </c>
      <c r="R95" s="7" t="s">
        <v>1090</v>
      </c>
      <c r="S95" s="7" t="s">
        <v>40</v>
      </c>
      <c r="T95" s="7" t="s">
        <v>36</v>
      </c>
      <c r="U95" s="7">
        <v>110001</v>
      </c>
      <c r="V95" s="8" t="s">
        <v>1091</v>
      </c>
      <c r="W95" s="8" t="s">
        <v>43</v>
      </c>
      <c r="X95" s="8" t="s">
        <v>44</v>
      </c>
      <c r="Y95" s="7" t="s">
        <v>45</v>
      </c>
      <c r="Z95" s="8" t="s">
        <v>40</v>
      </c>
      <c r="AA95" s="8" t="s">
        <v>40</v>
      </c>
      <c r="AB95" s="8" t="s">
        <v>47</v>
      </c>
      <c r="AC95" s="7" t="s">
        <v>1182</v>
      </c>
      <c r="AD95" s="7" t="s">
        <v>1183</v>
      </c>
    </row>
    <row r="96" spans="1:30" x14ac:dyDescent="0.25">
      <c r="A96" s="7">
        <v>93</v>
      </c>
      <c r="B96" s="8" t="s">
        <v>1184</v>
      </c>
      <c r="C96" s="8" t="s">
        <v>1185</v>
      </c>
      <c r="D96" s="7" t="s">
        <v>1186</v>
      </c>
      <c r="E96" s="8" t="s">
        <v>1187</v>
      </c>
      <c r="F96" s="7">
        <v>50</v>
      </c>
      <c r="G96" s="9">
        <v>37.5</v>
      </c>
      <c r="H96" s="7">
        <v>0</v>
      </c>
      <c r="I96" s="7" t="s">
        <v>1057</v>
      </c>
      <c r="J96" s="7" t="s">
        <v>1188</v>
      </c>
      <c r="K96" s="7" t="s">
        <v>1189</v>
      </c>
      <c r="L96" s="7" t="s">
        <v>1190</v>
      </c>
      <c r="M96" s="7" t="s">
        <v>40</v>
      </c>
      <c r="N96" s="7">
        <v>160009</v>
      </c>
      <c r="O96" s="8" t="s">
        <v>1191</v>
      </c>
      <c r="P96" s="7" t="s">
        <v>1192</v>
      </c>
      <c r="Q96" s="7" t="s">
        <v>1193</v>
      </c>
      <c r="R96" s="7" t="s">
        <v>1194</v>
      </c>
      <c r="S96" s="7" t="s">
        <v>40</v>
      </c>
      <c r="T96" s="7" t="s">
        <v>1190</v>
      </c>
      <c r="U96" s="7">
        <v>160017</v>
      </c>
      <c r="V96" s="8" t="s">
        <v>1195</v>
      </c>
      <c r="W96" s="8" t="s">
        <v>43</v>
      </c>
      <c r="X96" s="8" t="s">
        <v>44</v>
      </c>
      <c r="Y96" s="7" t="s">
        <v>45</v>
      </c>
      <c r="Z96" s="8" t="s">
        <v>1196</v>
      </c>
      <c r="AA96" s="8" t="s">
        <v>40</v>
      </c>
      <c r="AB96" s="8" t="s">
        <v>47</v>
      </c>
      <c r="AC96" s="7" t="s">
        <v>1197</v>
      </c>
      <c r="AD96" s="7" t="s">
        <v>1198</v>
      </c>
    </row>
    <row r="97" spans="1:30" x14ac:dyDescent="0.25">
      <c r="A97" s="7">
        <v>94</v>
      </c>
      <c r="B97" s="8" t="s">
        <v>1199</v>
      </c>
      <c r="C97" s="8" t="s">
        <v>1200</v>
      </c>
      <c r="D97" s="7" t="s">
        <v>1201</v>
      </c>
      <c r="E97" s="8" t="s">
        <v>1202</v>
      </c>
      <c r="F97" s="7">
        <v>50</v>
      </c>
      <c r="G97" s="9">
        <v>37.5</v>
      </c>
      <c r="H97" s="7">
        <v>0</v>
      </c>
      <c r="I97" s="7" t="s">
        <v>1057</v>
      </c>
      <c r="J97" s="7" t="s">
        <v>1203</v>
      </c>
      <c r="K97" s="7" t="s">
        <v>1204</v>
      </c>
      <c r="L97" s="7" t="s">
        <v>40</v>
      </c>
      <c r="M97" s="7" t="s">
        <v>1205</v>
      </c>
      <c r="N97" s="7">
        <v>201002</v>
      </c>
      <c r="O97" s="8" t="s">
        <v>1206</v>
      </c>
      <c r="P97" s="7" t="s">
        <v>219</v>
      </c>
      <c r="Q97" s="7" t="s">
        <v>1207</v>
      </c>
      <c r="R97" s="7" t="s">
        <v>40</v>
      </c>
      <c r="S97" s="7" t="s">
        <v>40</v>
      </c>
      <c r="T97" s="7" t="s">
        <v>1205</v>
      </c>
      <c r="U97" s="7" t="s">
        <v>40</v>
      </c>
      <c r="V97" s="8" t="s">
        <v>1208</v>
      </c>
      <c r="W97" s="8" t="s">
        <v>43</v>
      </c>
      <c r="X97" s="8" t="s">
        <v>44</v>
      </c>
      <c r="Y97" s="7" t="s">
        <v>45</v>
      </c>
      <c r="Z97" s="8" t="s">
        <v>1209</v>
      </c>
      <c r="AA97" s="8" t="s">
        <v>40</v>
      </c>
      <c r="AB97" s="8" t="s">
        <v>47</v>
      </c>
      <c r="AC97" s="7" t="s">
        <v>40</v>
      </c>
      <c r="AD97" s="7" t="s">
        <v>1210</v>
      </c>
    </row>
    <row r="98" spans="1:30" x14ac:dyDescent="0.25">
      <c r="A98" s="7">
        <v>95</v>
      </c>
      <c r="B98" s="8" t="s">
        <v>180</v>
      </c>
      <c r="C98" s="8" t="s">
        <v>1211</v>
      </c>
      <c r="D98" s="7" t="s">
        <v>1212</v>
      </c>
      <c r="E98" s="8" t="s">
        <v>1213</v>
      </c>
      <c r="F98" s="7">
        <v>100</v>
      </c>
      <c r="G98" s="9">
        <v>75</v>
      </c>
      <c r="H98" s="7">
        <v>0</v>
      </c>
      <c r="I98" s="7" t="s">
        <v>1057</v>
      </c>
      <c r="J98" s="7" t="s">
        <v>1214</v>
      </c>
      <c r="K98" s="7" t="s">
        <v>1215</v>
      </c>
      <c r="L98" s="7" t="s">
        <v>1216</v>
      </c>
      <c r="M98" s="7" t="s">
        <v>206</v>
      </c>
      <c r="N98" s="7">
        <v>201301</v>
      </c>
      <c r="O98" s="8" t="s">
        <v>1217</v>
      </c>
      <c r="P98" s="7" t="s">
        <v>1218</v>
      </c>
      <c r="Q98" s="7" t="s">
        <v>1219</v>
      </c>
      <c r="R98" s="7" t="s">
        <v>1220</v>
      </c>
      <c r="S98" s="7" t="s">
        <v>40</v>
      </c>
      <c r="T98" s="7" t="s">
        <v>1216</v>
      </c>
      <c r="U98" s="7">
        <v>201301</v>
      </c>
      <c r="V98" s="8" t="s">
        <v>1221</v>
      </c>
      <c r="W98" s="8" t="s">
        <v>43</v>
      </c>
      <c r="X98" s="8" t="s">
        <v>44</v>
      </c>
      <c r="Y98" s="7" t="s">
        <v>45</v>
      </c>
      <c r="Z98" s="8" t="s">
        <v>40</v>
      </c>
      <c r="AA98" s="8" t="s">
        <v>40</v>
      </c>
      <c r="AB98" s="8" t="s">
        <v>47</v>
      </c>
      <c r="AC98" s="7" t="s">
        <v>1222</v>
      </c>
      <c r="AD98" s="7" t="s">
        <v>1223</v>
      </c>
    </row>
    <row r="99" spans="1:30" x14ac:dyDescent="0.25">
      <c r="A99" s="7">
        <v>96</v>
      </c>
      <c r="B99" s="8" t="s">
        <v>1041</v>
      </c>
      <c r="C99" s="8" t="s">
        <v>1224</v>
      </c>
      <c r="D99" s="7" t="s">
        <v>1225</v>
      </c>
      <c r="E99" s="8" t="s">
        <v>1226</v>
      </c>
      <c r="F99" s="7">
        <v>275</v>
      </c>
      <c r="G99" s="9">
        <v>206.25</v>
      </c>
      <c r="H99" s="7">
        <v>0</v>
      </c>
      <c r="I99" s="7" t="s">
        <v>1057</v>
      </c>
      <c r="J99" s="7" t="s">
        <v>1227</v>
      </c>
      <c r="K99" s="7" t="s">
        <v>1228</v>
      </c>
      <c r="L99" s="7" t="s">
        <v>40</v>
      </c>
      <c r="M99" s="7" t="s">
        <v>1229</v>
      </c>
      <c r="N99" s="7">
        <v>208002</v>
      </c>
      <c r="O99" s="8" t="s">
        <v>1230</v>
      </c>
      <c r="P99" s="7" t="s">
        <v>1231</v>
      </c>
      <c r="Q99" s="7" t="s">
        <v>1228</v>
      </c>
      <c r="R99" s="7" t="s">
        <v>40</v>
      </c>
      <c r="S99" s="7" t="s">
        <v>40</v>
      </c>
      <c r="T99" s="7" t="s">
        <v>1229</v>
      </c>
      <c r="U99" s="7">
        <v>208002</v>
      </c>
      <c r="V99" s="8" t="s">
        <v>1232</v>
      </c>
      <c r="W99" s="8" t="s">
        <v>43</v>
      </c>
      <c r="X99" s="8" t="s">
        <v>44</v>
      </c>
      <c r="Y99" s="7" t="s">
        <v>45</v>
      </c>
      <c r="Z99" s="8" t="s">
        <v>1233</v>
      </c>
      <c r="AA99" s="8" t="s">
        <v>40</v>
      </c>
      <c r="AB99" s="8" t="s">
        <v>47</v>
      </c>
      <c r="AC99" s="7" t="s">
        <v>40</v>
      </c>
      <c r="AD99" s="7" t="s">
        <v>1234</v>
      </c>
    </row>
    <row r="100" spans="1:30" x14ac:dyDescent="0.25">
      <c r="A100" s="7">
        <v>97</v>
      </c>
      <c r="B100" s="8" t="s">
        <v>180</v>
      </c>
      <c r="C100" s="8" t="s">
        <v>1235</v>
      </c>
      <c r="D100" s="7" t="s">
        <v>1236</v>
      </c>
      <c r="E100" s="8" t="s">
        <v>1237</v>
      </c>
      <c r="F100" s="7">
        <v>40</v>
      </c>
      <c r="G100" s="9">
        <v>30</v>
      </c>
      <c r="H100" s="7">
        <v>0</v>
      </c>
      <c r="I100" s="7" t="s">
        <v>1057</v>
      </c>
      <c r="J100" s="7" t="s">
        <v>1238</v>
      </c>
      <c r="K100" s="7" t="s">
        <v>1239</v>
      </c>
      <c r="L100" s="7" t="s">
        <v>1205</v>
      </c>
      <c r="M100" s="7" t="s">
        <v>206</v>
      </c>
      <c r="N100" s="7">
        <v>245101</v>
      </c>
      <c r="O100" s="8" t="s">
        <v>1240</v>
      </c>
      <c r="P100" s="7" t="s">
        <v>382</v>
      </c>
      <c r="Q100" s="7" t="s">
        <v>1241</v>
      </c>
      <c r="R100" s="7" t="s">
        <v>1242</v>
      </c>
      <c r="S100" s="7" t="s">
        <v>40</v>
      </c>
      <c r="T100" s="7" t="s">
        <v>1242</v>
      </c>
      <c r="U100" s="7">
        <v>245101</v>
      </c>
      <c r="V100" s="8" t="s">
        <v>1243</v>
      </c>
      <c r="W100" s="8" t="s">
        <v>43</v>
      </c>
      <c r="X100" s="8" t="s">
        <v>44</v>
      </c>
      <c r="Y100" s="7" t="s">
        <v>45</v>
      </c>
      <c r="Z100" s="8" t="s">
        <v>40</v>
      </c>
      <c r="AA100" s="8" t="s">
        <v>40</v>
      </c>
      <c r="AB100" s="8" t="s">
        <v>47</v>
      </c>
      <c r="AC100" s="7" t="s">
        <v>1244</v>
      </c>
      <c r="AD100" s="7" t="s">
        <v>1245</v>
      </c>
    </row>
    <row r="101" spans="1:30" x14ac:dyDescent="0.25">
      <c r="A101" s="7">
        <v>98</v>
      </c>
      <c r="B101" s="8" t="s">
        <v>1246</v>
      </c>
      <c r="C101" s="8" t="s">
        <v>1247</v>
      </c>
      <c r="D101" s="7" t="s">
        <v>1248</v>
      </c>
      <c r="E101" s="8" t="s">
        <v>1249</v>
      </c>
      <c r="F101" s="7">
        <v>20</v>
      </c>
      <c r="G101" s="9">
        <v>15</v>
      </c>
      <c r="H101" s="7">
        <v>0</v>
      </c>
      <c r="I101" s="7" t="s">
        <v>1057</v>
      </c>
      <c r="J101" s="7" t="s">
        <v>1250</v>
      </c>
      <c r="K101" s="7" t="s">
        <v>1251</v>
      </c>
      <c r="L101" s="7" t="s">
        <v>1252</v>
      </c>
      <c r="M101" s="7" t="s">
        <v>1253</v>
      </c>
      <c r="N101" s="7">
        <v>302001</v>
      </c>
      <c r="O101" s="8" t="s">
        <v>1254</v>
      </c>
      <c r="P101" s="7" t="s">
        <v>38</v>
      </c>
      <c r="Q101" s="7" t="s">
        <v>1255</v>
      </c>
      <c r="R101" s="7" t="s">
        <v>40</v>
      </c>
      <c r="S101" s="7" t="s">
        <v>40</v>
      </c>
      <c r="T101" s="7" t="s">
        <v>1256</v>
      </c>
      <c r="U101" s="7">
        <v>302001</v>
      </c>
      <c r="V101" s="8" t="s">
        <v>1257</v>
      </c>
      <c r="W101" s="8" t="s">
        <v>43</v>
      </c>
      <c r="X101" s="8" t="s">
        <v>44</v>
      </c>
      <c r="Y101" s="7" t="s">
        <v>45</v>
      </c>
      <c r="Z101" s="8" t="s">
        <v>40</v>
      </c>
      <c r="AA101" s="8" t="s">
        <v>40</v>
      </c>
      <c r="AB101" s="8" t="s">
        <v>47</v>
      </c>
      <c r="AC101" s="7" t="s">
        <v>1258</v>
      </c>
      <c r="AD101" s="7" t="s">
        <v>1259</v>
      </c>
    </row>
    <row r="102" spans="1:30" ht="30" x14ac:dyDescent="0.25">
      <c r="A102" s="7">
        <v>99</v>
      </c>
      <c r="B102" s="8" t="s">
        <v>335</v>
      </c>
      <c r="C102" s="8" t="s">
        <v>1260</v>
      </c>
      <c r="D102" s="7" t="s">
        <v>1261</v>
      </c>
      <c r="E102" s="8" t="s">
        <v>1262</v>
      </c>
      <c r="F102" s="7">
        <v>5</v>
      </c>
      <c r="G102" s="9">
        <v>3.75</v>
      </c>
      <c r="H102" s="7">
        <v>0</v>
      </c>
      <c r="I102" s="7" t="s">
        <v>1057</v>
      </c>
      <c r="J102" s="7" t="s">
        <v>1263</v>
      </c>
      <c r="K102" s="7" t="s">
        <v>1264</v>
      </c>
      <c r="L102" s="7" t="s">
        <v>1256</v>
      </c>
      <c r="M102" s="7" t="s">
        <v>304</v>
      </c>
      <c r="N102" s="7">
        <v>302020</v>
      </c>
      <c r="O102" s="8" t="s">
        <v>1265</v>
      </c>
      <c r="P102" s="7" t="s">
        <v>382</v>
      </c>
      <c r="Q102" s="7" t="s">
        <v>1266</v>
      </c>
      <c r="R102" s="7" t="s">
        <v>1267</v>
      </c>
      <c r="S102" s="7" t="s">
        <v>40</v>
      </c>
      <c r="T102" s="7" t="s">
        <v>1256</v>
      </c>
      <c r="U102" s="7">
        <v>302001</v>
      </c>
      <c r="V102" s="8" t="s">
        <v>1268</v>
      </c>
      <c r="W102" s="8" t="s">
        <v>43</v>
      </c>
      <c r="X102" s="8" t="s">
        <v>44</v>
      </c>
      <c r="Y102" s="7" t="s">
        <v>45</v>
      </c>
      <c r="Z102" s="8" t="s">
        <v>1269</v>
      </c>
      <c r="AA102" s="8" t="s">
        <v>40</v>
      </c>
      <c r="AB102" s="8" t="s">
        <v>47</v>
      </c>
      <c r="AC102" s="7" t="s">
        <v>1270</v>
      </c>
      <c r="AD102" s="7" t="s">
        <v>1271</v>
      </c>
    </row>
    <row r="103" spans="1:30" ht="30" x14ac:dyDescent="0.25">
      <c r="A103" s="7">
        <v>100</v>
      </c>
      <c r="B103" s="8" t="s">
        <v>436</v>
      </c>
      <c r="C103" s="8" t="s">
        <v>1272</v>
      </c>
      <c r="D103" s="7" t="s">
        <v>1273</v>
      </c>
      <c r="E103" s="8" t="s">
        <v>1274</v>
      </c>
      <c r="F103" s="7">
        <v>1</v>
      </c>
      <c r="G103" s="9">
        <v>0.75</v>
      </c>
      <c r="H103" s="7">
        <v>0</v>
      </c>
      <c r="I103" s="7" t="s">
        <v>1057</v>
      </c>
      <c r="J103" s="7" t="s">
        <v>1275</v>
      </c>
      <c r="K103" s="7" t="s">
        <v>1276</v>
      </c>
      <c r="L103" s="7" t="s">
        <v>40</v>
      </c>
      <c r="M103" s="7" t="s">
        <v>367</v>
      </c>
      <c r="N103" s="7">
        <v>342001</v>
      </c>
      <c r="O103" s="8" t="s">
        <v>1277</v>
      </c>
      <c r="P103" s="7" t="s">
        <v>344</v>
      </c>
      <c r="Q103" s="7" t="s">
        <v>1278</v>
      </c>
      <c r="R103" s="7" t="s">
        <v>40</v>
      </c>
      <c r="S103" s="7" t="s">
        <v>40</v>
      </c>
      <c r="T103" s="7" t="s">
        <v>371</v>
      </c>
      <c r="U103" s="7">
        <v>342001</v>
      </c>
      <c r="V103" s="8" t="s">
        <v>1279</v>
      </c>
      <c r="W103" s="8" t="s">
        <v>43</v>
      </c>
      <c r="X103" s="8" t="s">
        <v>44</v>
      </c>
      <c r="Y103" s="7" t="s">
        <v>45</v>
      </c>
      <c r="Z103" s="8" t="s">
        <v>1280</v>
      </c>
      <c r="AA103" s="8" t="s">
        <v>40</v>
      </c>
      <c r="AB103" s="8" t="s">
        <v>47</v>
      </c>
      <c r="AC103" s="7" t="s">
        <v>1281</v>
      </c>
      <c r="AD103" s="7" t="s">
        <v>1282</v>
      </c>
    </row>
    <row r="104" spans="1:30" ht="30" x14ac:dyDescent="0.25">
      <c r="A104" s="7">
        <v>101</v>
      </c>
      <c r="B104" s="8" t="s">
        <v>489</v>
      </c>
      <c r="C104" s="8" t="s">
        <v>1283</v>
      </c>
      <c r="D104" s="7" t="s">
        <v>1284</v>
      </c>
      <c r="E104" s="8" t="s">
        <v>1285</v>
      </c>
      <c r="F104" s="7">
        <v>11</v>
      </c>
      <c r="G104" s="9">
        <v>8.25</v>
      </c>
      <c r="H104" s="7">
        <v>0</v>
      </c>
      <c r="I104" s="7" t="s">
        <v>1057</v>
      </c>
      <c r="J104" s="7" t="s">
        <v>1286</v>
      </c>
      <c r="K104" s="7" t="s">
        <v>1287</v>
      </c>
      <c r="L104" s="7" t="s">
        <v>40</v>
      </c>
      <c r="M104" s="7" t="s">
        <v>1288</v>
      </c>
      <c r="N104" s="7">
        <v>360002</v>
      </c>
      <c r="O104" s="8" t="s">
        <v>1289</v>
      </c>
      <c r="P104" s="7" t="s">
        <v>1290</v>
      </c>
      <c r="Q104" s="7" t="s">
        <v>1291</v>
      </c>
      <c r="R104" s="7" t="s">
        <v>1292</v>
      </c>
      <c r="S104" s="7" t="s">
        <v>1293</v>
      </c>
      <c r="T104" s="7" t="s">
        <v>1288</v>
      </c>
      <c r="U104" s="7">
        <v>360001</v>
      </c>
      <c r="V104" s="8" t="s">
        <v>1294</v>
      </c>
      <c r="W104" s="8" t="s">
        <v>43</v>
      </c>
      <c r="X104" s="8" t="s">
        <v>44</v>
      </c>
      <c r="Y104" s="7" t="s">
        <v>45</v>
      </c>
      <c r="Z104" s="8" t="s">
        <v>40</v>
      </c>
      <c r="AA104" s="8" t="s">
        <v>40</v>
      </c>
      <c r="AB104" s="8" t="s">
        <v>47</v>
      </c>
      <c r="AC104" s="7" t="s">
        <v>40</v>
      </c>
      <c r="AD104" s="7" t="s">
        <v>1295</v>
      </c>
    </row>
    <row r="105" spans="1:30" ht="30" x14ac:dyDescent="0.25">
      <c r="A105" s="7">
        <v>102</v>
      </c>
      <c r="B105" s="8" t="s">
        <v>436</v>
      </c>
      <c r="C105" s="8" t="s">
        <v>1296</v>
      </c>
      <c r="D105" s="7" t="s">
        <v>1297</v>
      </c>
      <c r="E105" s="8" t="s">
        <v>1298</v>
      </c>
      <c r="F105" s="7">
        <v>300</v>
      </c>
      <c r="G105" s="9">
        <v>225</v>
      </c>
      <c r="H105" s="7">
        <v>0</v>
      </c>
      <c r="I105" s="7" t="s">
        <v>1057</v>
      </c>
      <c r="J105" s="7" t="s">
        <v>1299</v>
      </c>
      <c r="K105" s="7" t="s">
        <v>1300</v>
      </c>
      <c r="L105" s="7" t="s">
        <v>1301</v>
      </c>
      <c r="M105" s="7" t="s">
        <v>1302</v>
      </c>
      <c r="N105" s="7">
        <v>396321</v>
      </c>
      <c r="O105" s="8" t="s">
        <v>1303</v>
      </c>
      <c r="P105" s="7" t="s">
        <v>444</v>
      </c>
      <c r="Q105" s="7" t="s">
        <v>1304</v>
      </c>
      <c r="R105" s="7" t="s">
        <v>40</v>
      </c>
      <c r="S105" s="7" t="s">
        <v>40</v>
      </c>
      <c r="T105" s="7" t="s">
        <v>506</v>
      </c>
      <c r="U105" s="7">
        <v>395009</v>
      </c>
      <c r="V105" s="8" t="s">
        <v>1305</v>
      </c>
      <c r="W105" s="8" t="s">
        <v>43</v>
      </c>
      <c r="X105" s="8" t="s">
        <v>44</v>
      </c>
      <c r="Y105" s="7" t="s">
        <v>45</v>
      </c>
      <c r="Z105" s="8" t="s">
        <v>1306</v>
      </c>
      <c r="AA105" s="8" t="s">
        <v>40</v>
      </c>
      <c r="AB105" s="8" t="s">
        <v>47</v>
      </c>
      <c r="AC105" s="7" t="s">
        <v>1307</v>
      </c>
      <c r="AD105" s="7" t="s">
        <v>1308</v>
      </c>
    </row>
    <row r="106" spans="1:30" x14ac:dyDescent="0.25">
      <c r="A106" s="7">
        <v>103</v>
      </c>
      <c r="B106" s="8" t="s">
        <v>1080</v>
      </c>
      <c r="C106" s="8" t="s">
        <v>1309</v>
      </c>
      <c r="D106" s="7" t="s">
        <v>1310</v>
      </c>
      <c r="E106" s="8" t="s">
        <v>1311</v>
      </c>
      <c r="F106" s="7">
        <v>1</v>
      </c>
      <c r="G106" s="9">
        <v>0.75</v>
      </c>
      <c r="H106" s="7">
        <v>0</v>
      </c>
      <c r="I106" s="7" t="s">
        <v>1057</v>
      </c>
      <c r="J106" s="7" t="s">
        <v>1312</v>
      </c>
      <c r="K106" s="7" t="s">
        <v>1313</v>
      </c>
      <c r="L106" s="7" t="s">
        <v>1314</v>
      </c>
      <c r="M106" s="7" t="s">
        <v>533</v>
      </c>
      <c r="N106" s="7">
        <v>400001</v>
      </c>
      <c r="O106" s="8" t="s">
        <v>1315</v>
      </c>
      <c r="P106" s="7" t="s">
        <v>1316</v>
      </c>
      <c r="Q106" s="7" t="s">
        <v>1317</v>
      </c>
      <c r="R106" s="7" t="s">
        <v>1318</v>
      </c>
      <c r="S106" s="7" t="s">
        <v>40</v>
      </c>
      <c r="T106" s="7" t="s">
        <v>533</v>
      </c>
      <c r="U106" s="7">
        <v>400021</v>
      </c>
      <c r="V106" s="8" t="s">
        <v>1319</v>
      </c>
      <c r="W106" s="8" t="s">
        <v>433</v>
      </c>
      <c r="X106" s="8" t="s">
        <v>44</v>
      </c>
      <c r="Y106" s="7" t="s">
        <v>45</v>
      </c>
      <c r="Z106" s="8" t="s">
        <v>1320</v>
      </c>
      <c r="AA106" s="8" t="s">
        <v>1321</v>
      </c>
      <c r="AB106" s="8" t="s">
        <v>47</v>
      </c>
      <c r="AC106" s="7" t="s">
        <v>1322</v>
      </c>
      <c r="AD106" s="7" t="s">
        <v>1323</v>
      </c>
    </row>
    <row r="107" spans="1:30" x14ac:dyDescent="0.25">
      <c r="A107" s="7">
        <v>104</v>
      </c>
      <c r="B107" s="8" t="s">
        <v>1324</v>
      </c>
      <c r="C107" s="8" t="s">
        <v>1325</v>
      </c>
      <c r="D107" s="7" t="s">
        <v>1326</v>
      </c>
      <c r="E107" s="8" t="s">
        <v>1327</v>
      </c>
      <c r="F107" s="7">
        <v>50</v>
      </c>
      <c r="G107" s="9">
        <v>37.5</v>
      </c>
      <c r="H107" s="7">
        <v>0</v>
      </c>
      <c r="I107" s="7" t="s">
        <v>1057</v>
      </c>
      <c r="J107" s="7" t="s">
        <v>1328</v>
      </c>
      <c r="K107" s="7" t="s">
        <v>1329</v>
      </c>
      <c r="L107" s="7" t="s">
        <v>1330</v>
      </c>
      <c r="M107" s="7" t="s">
        <v>533</v>
      </c>
      <c r="N107" s="7">
        <v>400002</v>
      </c>
      <c r="O107" s="8" t="s">
        <v>1331</v>
      </c>
      <c r="P107" s="7" t="s">
        <v>1332</v>
      </c>
      <c r="Q107" s="7" t="s">
        <v>1333</v>
      </c>
      <c r="R107" s="7" t="s">
        <v>1334</v>
      </c>
      <c r="S107" s="7" t="s">
        <v>1335</v>
      </c>
      <c r="T107" s="7" t="s">
        <v>533</v>
      </c>
      <c r="U107" s="7">
        <v>400002</v>
      </c>
      <c r="V107" s="8" t="s">
        <v>1336</v>
      </c>
      <c r="W107" s="8" t="s">
        <v>43</v>
      </c>
      <c r="X107" s="8" t="s">
        <v>44</v>
      </c>
      <c r="Y107" s="7" t="s">
        <v>1337</v>
      </c>
      <c r="Z107" s="8" t="s">
        <v>1338</v>
      </c>
      <c r="AA107" s="8" t="s">
        <v>1339</v>
      </c>
      <c r="AB107" s="8" t="s">
        <v>47</v>
      </c>
      <c r="AC107" s="7" t="s">
        <v>40</v>
      </c>
      <c r="AD107" s="7" t="s">
        <v>1340</v>
      </c>
    </row>
    <row r="108" spans="1:30" ht="30" x14ac:dyDescent="0.25">
      <c r="A108" s="7">
        <v>105</v>
      </c>
      <c r="B108" s="8" t="s">
        <v>1341</v>
      </c>
      <c r="C108" s="8" t="s">
        <v>1342</v>
      </c>
      <c r="D108" s="7" t="s">
        <v>1343</v>
      </c>
      <c r="E108" s="8" t="s">
        <v>1344</v>
      </c>
      <c r="F108" s="7">
        <v>10</v>
      </c>
      <c r="G108" s="9">
        <v>7.5</v>
      </c>
      <c r="H108" s="7">
        <v>0</v>
      </c>
      <c r="I108" s="7" t="s">
        <v>1057</v>
      </c>
      <c r="J108" s="7" t="s">
        <v>1345</v>
      </c>
      <c r="K108" s="7" t="s">
        <v>1346</v>
      </c>
      <c r="L108" s="7" t="s">
        <v>1347</v>
      </c>
      <c r="M108" s="7" t="s">
        <v>1348</v>
      </c>
      <c r="N108" s="7">
        <v>400007</v>
      </c>
      <c r="O108" s="8" t="s">
        <v>1349</v>
      </c>
      <c r="P108" s="7" t="s">
        <v>1350</v>
      </c>
      <c r="Q108" s="7" t="s">
        <v>1351</v>
      </c>
      <c r="R108" s="7" t="s">
        <v>1352</v>
      </c>
      <c r="S108" s="7" t="s">
        <v>1353</v>
      </c>
      <c r="T108" s="7" t="s">
        <v>1354</v>
      </c>
      <c r="U108" s="7">
        <v>400058</v>
      </c>
      <c r="V108" s="8" t="s">
        <v>1355</v>
      </c>
      <c r="W108" s="8" t="s">
        <v>43</v>
      </c>
      <c r="X108" s="8" t="s">
        <v>44</v>
      </c>
      <c r="Y108" s="7" t="s">
        <v>45</v>
      </c>
      <c r="Z108" s="8" t="s">
        <v>1356</v>
      </c>
      <c r="AA108" s="8" t="s">
        <v>40</v>
      </c>
      <c r="AB108" s="8" t="s">
        <v>47</v>
      </c>
      <c r="AC108" s="7" t="s">
        <v>40</v>
      </c>
      <c r="AD108" s="7" t="s">
        <v>1357</v>
      </c>
    </row>
    <row r="109" spans="1:30" x14ac:dyDescent="0.25">
      <c r="A109" s="7">
        <v>106</v>
      </c>
      <c r="B109" s="8" t="s">
        <v>1080</v>
      </c>
      <c r="C109" s="8" t="s">
        <v>1358</v>
      </c>
      <c r="D109" s="7" t="s">
        <v>1359</v>
      </c>
      <c r="E109" s="8" t="s">
        <v>1360</v>
      </c>
      <c r="F109" s="7">
        <v>50</v>
      </c>
      <c r="G109" s="9">
        <v>37.5</v>
      </c>
      <c r="H109" s="7">
        <v>0</v>
      </c>
      <c r="I109" s="7" t="s">
        <v>1057</v>
      </c>
      <c r="J109" s="7" t="s">
        <v>1361</v>
      </c>
      <c r="K109" s="7" t="s">
        <v>1362</v>
      </c>
      <c r="L109" s="7" t="s">
        <v>533</v>
      </c>
      <c r="M109" s="7" t="s">
        <v>40</v>
      </c>
      <c r="N109" s="7">
        <v>400034</v>
      </c>
      <c r="O109" s="8" t="s">
        <v>1363</v>
      </c>
      <c r="P109" s="7" t="s">
        <v>1088</v>
      </c>
      <c r="Q109" s="7" t="s">
        <v>1364</v>
      </c>
      <c r="R109" s="7" t="s">
        <v>1365</v>
      </c>
      <c r="S109" s="7" t="s">
        <v>1318</v>
      </c>
      <c r="T109" s="7" t="s">
        <v>533</v>
      </c>
      <c r="U109" s="7">
        <v>400021</v>
      </c>
      <c r="V109" s="8" t="s">
        <v>1319</v>
      </c>
      <c r="W109" s="8" t="s">
        <v>433</v>
      </c>
      <c r="X109" s="8" t="s">
        <v>44</v>
      </c>
      <c r="Y109" s="7" t="s">
        <v>45</v>
      </c>
      <c r="Z109" s="8" t="s">
        <v>40</v>
      </c>
      <c r="AA109" s="8" t="s">
        <v>40</v>
      </c>
      <c r="AB109" s="8" t="s">
        <v>47</v>
      </c>
      <c r="AC109" s="7" t="s">
        <v>40</v>
      </c>
      <c r="AD109" s="7" t="s">
        <v>1366</v>
      </c>
    </row>
    <row r="110" spans="1:30" x14ac:dyDescent="0.25">
      <c r="A110" s="7">
        <v>107</v>
      </c>
      <c r="B110" s="8" t="s">
        <v>1367</v>
      </c>
      <c r="C110" s="8" t="s">
        <v>1368</v>
      </c>
      <c r="D110" s="7" t="s">
        <v>1369</v>
      </c>
      <c r="E110" s="8" t="s">
        <v>1370</v>
      </c>
      <c r="F110" s="7">
        <v>250</v>
      </c>
      <c r="G110" s="9">
        <v>187.5</v>
      </c>
      <c r="H110" s="7">
        <v>0</v>
      </c>
      <c r="I110" s="7" t="s">
        <v>1057</v>
      </c>
      <c r="J110" s="7" t="s">
        <v>1371</v>
      </c>
      <c r="K110" s="7" t="s">
        <v>1372</v>
      </c>
      <c r="L110" s="7" t="s">
        <v>1373</v>
      </c>
      <c r="M110" s="7" t="s">
        <v>533</v>
      </c>
      <c r="N110" s="7">
        <v>400050</v>
      </c>
      <c r="O110" s="8" t="s">
        <v>1374</v>
      </c>
      <c r="P110" s="7" t="s">
        <v>1375</v>
      </c>
      <c r="Q110" s="7" t="s">
        <v>1376</v>
      </c>
      <c r="R110" s="7" t="s">
        <v>40</v>
      </c>
      <c r="S110" s="7" t="s">
        <v>40</v>
      </c>
      <c r="T110" s="7" t="s">
        <v>533</v>
      </c>
      <c r="U110" s="7">
        <v>400054</v>
      </c>
      <c r="V110" s="8" t="s">
        <v>1377</v>
      </c>
      <c r="W110" s="8" t="s">
        <v>433</v>
      </c>
      <c r="X110" s="8" t="s">
        <v>44</v>
      </c>
      <c r="Y110" s="7" t="s">
        <v>45</v>
      </c>
      <c r="Z110" s="8" t="s">
        <v>1378</v>
      </c>
      <c r="AA110" s="8" t="s">
        <v>1379</v>
      </c>
      <c r="AB110" s="8" t="s">
        <v>47</v>
      </c>
      <c r="AC110" s="7" t="s">
        <v>40</v>
      </c>
      <c r="AD110" s="7" t="s">
        <v>1380</v>
      </c>
    </row>
    <row r="111" spans="1:30" x14ac:dyDescent="0.25">
      <c r="A111" s="7">
        <v>108</v>
      </c>
      <c r="B111" s="8" t="s">
        <v>1367</v>
      </c>
      <c r="C111" s="8" t="s">
        <v>1381</v>
      </c>
      <c r="D111" s="7" t="s">
        <v>1382</v>
      </c>
      <c r="E111" s="8" t="s">
        <v>1383</v>
      </c>
      <c r="F111" s="7">
        <v>250</v>
      </c>
      <c r="G111" s="9">
        <v>187.5</v>
      </c>
      <c r="H111" s="7">
        <v>0</v>
      </c>
      <c r="I111" s="7" t="s">
        <v>1057</v>
      </c>
      <c r="J111" s="7" t="s">
        <v>1384</v>
      </c>
      <c r="K111" s="7" t="s">
        <v>1385</v>
      </c>
      <c r="L111" s="7" t="s">
        <v>1373</v>
      </c>
      <c r="M111" s="7" t="s">
        <v>533</v>
      </c>
      <c r="N111" s="7">
        <v>400050</v>
      </c>
      <c r="O111" s="8" t="s">
        <v>1374</v>
      </c>
      <c r="P111" s="7" t="s">
        <v>1375</v>
      </c>
      <c r="Q111" s="7" t="s">
        <v>1376</v>
      </c>
      <c r="R111" s="7" t="s">
        <v>40</v>
      </c>
      <c r="S111" s="7" t="s">
        <v>40</v>
      </c>
      <c r="T111" s="7" t="s">
        <v>533</v>
      </c>
      <c r="U111" s="7">
        <v>400054</v>
      </c>
      <c r="V111" s="8" t="s">
        <v>1377</v>
      </c>
      <c r="W111" s="8" t="s">
        <v>433</v>
      </c>
      <c r="X111" s="8" t="s">
        <v>44</v>
      </c>
      <c r="Y111" s="7" t="s">
        <v>45</v>
      </c>
      <c r="Z111" s="8" t="s">
        <v>1378</v>
      </c>
      <c r="AA111" s="8" t="s">
        <v>40</v>
      </c>
      <c r="AB111" s="8" t="s">
        <v>47</v>
      </c>
      <c r="AC111" s="7" t="s">
        <v>40</v>
      </c>
      <c r="AD111" s="7" t="s">
        <v>1386</v>
      </c>
    </row>
    <row r="112" spans="1:30" x14ac:dyDescent="0.25">
      <c r="A112" s="7">
        <v>109</v>
      </c>
      <c r="B112" s="8" t="s">
        <v>526</v>
      </c>
      <c r="C112" s="8" t="s">
        <v>1387</v>
      </c>
      <c r="D112" s="7" t="s">
        <v>1388</v>
      </c>
      <c r="E112" s="8" t="s">
        <v>1389</v>
      </c>
      <c r="F112" s="7">
        <v>50</v>
      </c>
      <c r="G112" s="9">
        <v>37.5</v>
      </c>
      <c r="H112" s="7">
        <v>0</v>
      </c>
      <c r="I112" s="7" t="s">
        <v>1057</v>
      </c>
      <c r="J112" s="7">
        <v>72</v>
      </c>
      <c r="K112" s="7" t="s">
        <v>1390</v>
      </c>
      <c r="L112" s="7" t="s">
        <v>1391</v>
      </c>
      <c r="M112" s="7" t="s">
        <v>533</v>
      </c>
      <c r="N112" s="7">
        <v>400052</v>
      </c>
      <c r="O112" s="8" t="s">
        <v>1392</v>
      </c>
      <c r="P112" s="7" t="s">
        <v>444</v>
      </c>
      <c r="Q112" s="7" t="s">
        <v>1393</v>
      </c>
      <c r="R112" s="7" t="s">
        <v>1394</v>
      </c>
      <c r="S112" s="7" t="s">
        <v>1395</v>
      </c>
      <c r="T112" s="7" t="s">
        <v>533</v>
      </c>
      <c r="U112" s="7">
        <v>400050</v>
      </c>
      <c r="V112" s="8" t="s">
        <v>1396</v>
      </c>
      <c r="W112" s="8" t="s">
        <v>43</v>
      </c>
      <c r="X112" s="8" t="s">
        <v>44</v>
      </c>
      <c r="Y112" s="7" t="s">
        <v>45</v>
      </c>
      <c r="Z112" s="8" t="s">
        <v>1397</v>
      </c>
      <c r="AA112" s="8" t="s">
        <v>40</v>
      </c>
      <c r="AB112" s="8" t="s">
        <v>47</v>
      </c>
      <c r="AC112" s="7" t="s">
        <v>40</v>
      </c>
      <c r="AD112" s="7" t="s">
        <v>1398</v>
      </c>
    </row>
    <row r="113" spans="1:30" x14ac:dyDescent="0.25">
      <c r="A113" s="7">
        <v>110</v>
      </c>
      <c r="B113" s="8" t="s">
        <v>1399</v>
      </c>
      <c r="C113" s="8" t="s">
        <v>1400</v>
      </c>
      <c r="D113" s="7" t="s">
        <v>1401</v>
      </c>
      <c r="E113" s="8" t="s">
        <v>1402</v>
      </c>
      <c r="F113" s="7">
        <v>2</v>
      </c>
      <c r="G113" s="9">
        <v>1.5</v>
      </c>
      <c r="H113" s="7">
        <v>0</v>
      </c>
      <c r="I113" s="7" t="s">
        <v>1057</v>
      </c>
      <c r="J113" s="7" t="s">
        <v>1403</v>
      </c>
      <c r="K113" s="7" t="s">
        <v>1404</v>
      </c>
      <c r="L113" s="7" t="s">
        <v>1405</v>
      </c>
      <c r="M113" s="7" t="s">
        <v>533</v>
      </c>
      <c r="N113" s="7">
        <v>400055</v>
      </c>
      <c r="O113" s="8" t="s">
        <v>1406</v>
      </c>
      <c r="P113" s="7" t="s">
        <v>1127</v>
      </c>
      <c r="Q113" s="7" t="s">
        <v>1407</v>
      </c>
      <c r="R113" s="7" t="s">
        <v>1318</v>
      </c>
      <c r="S113" s="7" t="s">
        <v>40</v>
      </c>
      <c r="T113" s="7" t="s">
        <v>533</v>
      </c>
      <c r="U113" s="7">
        <v>400021</v>
      </c>
      <c r="V113" s="8" t="s">
        <v>1408</v>
      </c>
      <c r="W113" s="8" t="s">
        <v>43</v>
      </c>
      <c r="X113" s="8" t="s">
        <v>44</v>
      </c>
      <c r="Y113" s="7" t="s">
        <v>45</v>
      </c>
      <c r="Z113" s="8" t="s">
        <v>40</v>
      </c>
      <c r="AA113" s="8" t="s">
        <v>40</v>
      </c>
      <c r="AB113" s="8" t="s">
        <v>47</v>
      </c>
      <c r="AC113" s="7" t="s">
        <v>40</v>
      </c>
      <c r="AD113" s="7" t="s">
        <v>1409</v>
      </c>
    </row>
    <row r="114" spans="1:30" x14ac:dyDescent="0.25">
      <c r="A114" s="7">
        <v>111</v>
      </c>
      <c r="B114" s="8" t="s">
        <v>1410</v>
      </c>
      <c r="C114" s="8" t="s">
        <v>1411</v>
      </c>
      <c r="D114" s="7" t="s">
        <v>1412</v>
      </c>
      <c r="E114" s="8" t="s">
        <v>1413</v>
      </c>
      <c r="F114" s="7">
        <v>150</v>
      </c>
      <c r="G114" s="9">
        <v>112.5</v>
      </c>
      <c r="H114" s="7">
        <v>0</v>
      </c>
      <c r="I114" s="7" t="s">
        <v>1057</v>
      </c>
      <c r="J114" s="7" t="s">
        <v>1414</v>
      </c>
      <c r="K114" s="7" t="s">
        <v>535</v>
      </c>
      <c r="L114" s="7" t="s">
        <v>1415</v>
      </c>
      <c r="M114" s="7" t="s">
        <v>533</v>
      </c>
      <c r="N114" s="7">
        <v>400058</v>
      </c>
      <c r="O114" s="8" t="s">
        <v>1416</v>
      </c>
      <c r="P114" s="7" t="s">
        <v>1417</v>
      </c>
      <c r="Q114" s="7" t="s">
        <v>1418</v>
      </c>
      <c r="R114" s="7" t="s">
        <v>1419</v>
      </c>
      <c r="S114" s="7" t="s">
        <v>1420</v>
      </c>
      <c r="T114" s="7" t="s">
        <v>533</v>
      </c>
      <c r="U114" s="7">
        <v>400058</v>
      </c>
      <c r="V114" s="8" t="s">
        <v>1421</v>
      </c>
      <c r="W114" s="8" t="s">
        <v>43</v>
      </c>
      <c r="X114" s="8" t="s">
        <v>44</v>
      </c>
      <c r="Y114" s="7" t="s">
        <v>45</v>
      </c>
      <c r="Z114" s="8" t="s">
        <v>1422</v>
      </c>
      <c r="AA114" s="8" t="s">
        <v>40</v>
      </c>
      <c r="AB114" s="8" t="s">
        <v>47</v>
      </c>
      <c r="AC114" s="7" t="s">
        <v>40</v>
      </c>
      <c r="AD114" s="7" t="s">
        <v>1423</v>
      </c>
    </row>
    <row r="115" spans="1:30" ht="30" x14ac:dyDescent="0.25">
      <c r="A115" s="7">
        <v>112</v>
      </c>
      <c r="B115" s="8" t="s">
        <v>396</v>
      </c>
      <c r="C115" s="8" t="s">
        <v>1424</v>
      </c>
      <c r="D115" s="7" t="s">
        <v>1425</v>
      </c>
      <c r="E115" s="8" t="s">
        <v>1426</v>
      </c>
      <c r="F115" s="7">
        <v>1</v>
      </c>
      <c r="G115" s="9">
        <v>0.75</v>
      </c>
      <c r="H115" s="7">
        <v>0</v>
      </c>
      <c r="I115" s="7" t="s">
        <v>1057</v>
      </c>
      <c r="J115" s="7" t="s">
        <v>1427</v>
      </c>
      <c r="K115" s="7" t="s">
        <v>1428</v>
      </c>
      <c r="L115" s="7" t="s">
        <v>40</v>
      </c>
      <c r="M115" s="7" t="s">
        <v>1348</v>
      </c>
      <c r="N115" s="7">
        <v>400066</v>
      </c>
      <c r="O115" s="8" t="s">
        <v>1429</v>
      </c>
      <c r="P115" s="7" t="s">
        <v>508</v>
      </c>
      <c r="Q115" s="7" t="s">
        <v>1430</v>
      </c>
      <c r="R115" s="7" t="s">
        <v>40</v>
      </c>
      <c r="S115" s="7" t="s">
        <v>40</v>
      </c>
      <c r="T115" s="7" t="s">
        <v>1431</v>
      </c>
      <c r="U115" s="7">
        <v>400001</v>
      </c>
      <c r="V115" s="8" t="s">
        <v>1432</v>
      </c>
      <c r="W115" s="8" t="s">
        <v>43</v>
      </c>
      <c r="X115" s="8" t="s">
        <v>44</v>
      </c>
      <c r="Y115" s="7" t="s">
        <v>45</v>
      </c>
      <c r="Z115" s="8" t="s">
        <v>40</v>
      </c>
      <c r="AA115" s="8" t="s">
        <v>40</v>
      </c>
      <c r="AB115" s="8" t="s">
        <v>47</v>
      </c>
      <c r="AC115" s="7" t="s">
        <v>1433</v>
      </c>
      <c r="AD115" s="7" t="s">
        <v>1434</v>
      </c>
    </row>
    <row r="116" spans="1:30" x14ac:dyDescent="0.25">
      <c r="A116" s="7">
        <v>113</v>
      </c>
      <c r="B116" s="8" t="s">
        <v>500</v>
      </c>
      <c r="C116" s="8" t="s">
        <v>1435</v>
      </c>
      <c r="D116" s="7" t="s">
        <v>1436</v>
      </c>
      <c r="E116" s="8" t="s">
        <v>1437</v>
      </c>
      <c r="F116" s="7">
        <v>25</v>
      </c>
      <c r="G116" s="9">
        <v>18.75</v>
      </c>
      <c r="H116" s="7">
        <v>0</v>
      </c>
      <c r="I116" s="7" t="s">
        <v>1057</v>
      </c>
      <c r="J116" s="7" t="s">
        <v>1438</v>
      </c>
      <c r="K116" s="7" t="s">
        <v>1439</v>
      </c>
      <c r="L116" s="7" t="s">
        <v>1440</v>
      </c>
      <c r="M116" s="7" t="s">
        <v>533</v>
      </c>
      <c r="N116" s="7">
        <v>400067</v>
      </c>
      <c r="O116" s="8" t="s">
        <v>1441</v>
      </c>
      <c r="P116" s="7" t="s">
        <v>508</v>
      </c>
      <c r="Q116" s="7" t="s">
        <v>533</v>
      </c>
      <c r="R116" s="7" t="s">
        <v>40</v>
      </c>
      <c r="S116" s="7" t="s">
        <v>40</v>
      </c>
      <c r="T116" s="7" t="s">
        <v>533</v>
      </c>
      <c r="U116" s="7">
        <v>400001</v>
      </c>
      <c r="V116" s="8" t="s">
        <v>1432</v>
      </c>
      <c r="W116" s="8" t="s">
        <v>43</v>
      </c>
      <c r="X116" s="8" t="s">
        <v>44</v>
      </c>
      <c r="Y116" s="7" t="s">
        <v>45</v>
      </c>
      <c r="Z116" s="8" t="s">
        <v>1442</v>
      </c>
      <c r="AA116" s="8" t="s">
        <v>40</v>
      </c>
      <c r="AB116" s="8" t="s">
        <v>47</v>
      </c>
      <c r="AC116" s="7" t="s">
        <v>1443</v>
      </c>
      <c r="AD116" s="7" t="s">
        <v>1444</v>
      </c>
    </row>
    <row r="117" spans="1:30" x14ac:dyDescent="0.25">
      <c r="A117" s="7">
        <v>114</v>
      </c>
      <c r="B117" s="8" t="s">
        <v>475</v>
      </c>
      <c r="C117" s="8" t="s">
        <v>1445</v>
      </c>
      <c r="D117" s="7" t="s">
        <v>1446</v>
      </c>
      <c r="E117" s="8" t="s">
        <v>1447</v>
      </c>
      <c r="F117" s="7">
        <v>50</v>
      </c>
      <c r="G117" s="9">
        <v>37.5</v>
      </c>
      <c r="H117" s="7">
        <v>0</v>
      </c>
      <c r="I117" s="7" t="s">
        <v>1057</v>
      </c>
      <c r="J117" s="7" t="s">
        <v>1448</v>
      </c>
      <c r="K117" s="7" t="s">
        <v>1449</v>
      </c>
      <c r="L117" s="7" t="s">
        <v>1450</v>
      </c>
      <c r="M117" s="7" t="s">
        <v>544</v>
      </c>
      <c r="N117" s="7">
        <v>400075</v>
      </c>
      <c r="O117" s="8" t="s">
        <v>1451</v>
      </c>
      <c r="P117" s="7" t="s">
        <v>974</v>
      </c>
      <c r="Q117" s="7" t="s">
        <v>1452</v>
      </c>
      <c r="R117" s="7" t="s">
        <v>40</v>
      </c>
      <c r="S117" s="7" t="s">
        <v>40</v>
      </c>
      <c r="T117" s="7" t="s">
        <v>533</v>
      </c>
      <c r="U117" s="7">
        <v>400074</v>
      </c>
      <c r="V117" s="8" t="s">
        <v>1453</v>
      </c>
      <c r="W117" s="8" t="s">
        <v>43</v>
      </c>
      <c r="X117" s="8" t="s">
        <v>44</v>
      </c>
      <c r="Y117" s="7" t="s">
        <v>45</v>
      </c>
      <c r="Z117" s="8" t="s">
        <v>1454</v>
      </c>
      <c r="AA117" s="8" t="s">
        <v>40</v>
      </c>
      <c r="AB117" s="8" t="s">
        <v>47</v>
      </c>
      <c r="AC117" s="7" t="s">
        <v>40</v>
      </c>
      <c r="AD117" s="7" t="s">
        <v>1455</v>
      </c>
    </row>
    <row r="118" spans="1:30" ht="30" x14ac:dyDescent="0.25">
      <c r="A118" s="7">
        <v>115</v>
      </c>
      <c r="B118" s="8" t="s">
        <v>1456</v>
      </c>
      <c r="C118" s="8" t="s">
        <v>1457</v>
      </c>
      <c r="D118" s="7" t="s">
        <v>1458</v>
      </c>
      <c r="E118" s="8" t="s">
        <v>1459</v>
      </c>
      <c r="F118" s="7">
        <v>50</v>
      </c>
      <c r="G118" s="9">
        <v>37.5</v>
      </c>
      <c r="H118" s="7">
        <v>0</v>
      </c>
      <c r="I118" s="7" t="s">
        <v>1057</v>
      </c>
      <c r="J118" s="7" t="s">
        <v>1460</v>
      </c>
      <c r="K118" s="7" t="s">
        <v>1461</v>
      </c>
      <c r="L118" s="7" t="s">
        <v>1462</v>
      </c>
      <c r="M118" s="7" t="s">
        <v>1348</v>
      </c>
      <c r="N118" s="7">
        <v>400084</v>
      </c>
      <c r="O118" s="8" t="s">
        <v>1463</v>
      </c>
      <c r="P118" s="7" t="s">
        <v>161</v>
      </c>
      <c r="Q118" s="7" t="s">
        <v>1464</v>
      </c>
      <c r="R118" s="7" t="s">
        <v>1465</v>
      </c>
      <c r="S118" s="7" t="s">
        <v>1466</v>
      </c>
      <c r="T118" s="7" t="s">
        <v>533</v>
      </c>
      <c r="U118" s="7">
        <v>400001</v>
      </c>
      <c r="V118" s="8" t="s">
        <v>1467</v>
      </c>
      <c r="W118" s="8" t="s">
        <v>43</v>
      </c>
      <c r="X118" s="8" t="s">
        <v>44</v>
      </c>
      <c r="Y118" s="7" t="s">
        <v>45</v>
      </c>
      <c r="Z118" s="8" t="s">
        <v>40</v>
      </c>
      <c r="AA118" s="8" t="s">
        <v>40</v>
      </c>
      <c r="AB118" s="8" t="s">
        <v>47</v>
      </c>
      <c r="AC118" s="7" t="s">
        <v>40</v>
      </c>
      <c r="AD118" s="7" t="s">
        <v>40</v>
      </c>
    </row>
    <row r="119" spans="1:30" ht="30" x14ac:dyDescent="0.25">
      <c r="A119" s="7">
        <v>116</v>
      </c>
      <c r="B119" s="8" t="s">
        <v>1410</v>
      </c>
      <c r="C119" s="8" t="s">
        <v>1468</v>
      </c>
      <c r="D119" s="7" t="s">
        <v>1469</v>
      </c>
      <c r="E119" s="8" t="s">
        <v>1470</v>
      </c>
      <c r="F119" s="7">
        <v>20</v>
      </c>
      <c r="G119" s="9">
        <v>15</v>
      </c>
      <c r="H119" s="7">
        <v>0</v>
      </c>
      <c r="I119" s="7" t="s">
        <v>1057</v>
      </c>
      <c r="J119" s="7" t="s">
        <v>1471</v>
      </c>
      <c r="K119" s="7" t="s">
        <v>1472</v>
      </c>
      <c r="L119" s="7" t="s">
        <v>1473</v>
      </c>
      <c r="M119" s="7" t="s">
        <v>533</v>
      </c>
      <c r="N119" s="7">
        <v>400091</v>
      </c>
      <c r="O119" s="8" t="s">
        <v>1474</v>
      </c>
      <c r="P119" s="7" t="s">
        <v>1417</v>
      </c>
      <c r="Q119" s="7" t="s">
        <v>1475</v>
      </c>
      <c r="R119" s="7" t="s">
        <v>1476</v>
      </c>
      <c r="S119" s="7" t="s">
        <v>1477</v>
      </c>
      <c r="T119" s="7" t="s">
        <v>533</v>
      </c>
      <c r="U119" s="7">
        <v>400092</v>
      </c>
      <c r="V119" s="8" t="s">
        <v>1478</v>
      </c>
      <c r="W119" s="8" t="s">
        <v>43</v>
      </c>
      <c r="X119" s="8" t="s">
        <v>44</v>
      </c>
      <c r="Y119" s="7" t="s">
        <v>45</v>
      </c>
      <c r="Z119" s="8" t="s">
        <v>1479</v>
      </c>
      <c r="AA119" s="8" t="s">
        <v>40</v>
      </c>
      <c r="AB119" s="8" t="s">
        <v>47</v>
      </c>
      <c r="AC119" s="7" t="s">
        <v>1480</v>
      </c>
      <c r="AD119" s="7" t="s">
        <v>1481</v>
      </c>
    </row>
    <row r="120" spans="1:30" ht="30" x14ac:dyDescent="0.25">
      <c r="A120" s="7">
        <v>117</v>
      </c>
      <c r="B120" s="8" t="s">
        <v>1482</v>
      </c>
      <c r="C120" s="8" t="s">
        <v>1483</v>
      </c>
      <c r="D120" s="7" t="s">
        <v>1484</v>
      </c>
      <c r="E120" s="8" t="s">
        <v>1485</v>
      </c>
      <c r="F120" s="7">
        <v>12</v>
      </c>
      <c r="G120" s="9">
        <v>9</v>
      </c>
      <c r="H120" s="7">
        <v>0</v>
      </c>
      <c r="I120" s="7" t="s">
        <v>1057</v>
      </c>
      <c r="J120" s="7" t="s">
        <v>1486</v>
      </c>
      <c r="K120" s="7" t="s">
        <v>1487</v>
      </c>
      <c r="L120" s="7" t="s">
        <v>1488</v>
      </c>
      <c r="M120" s="7" t="s">
        <v>1348</v>
      </c>
      <c r="N120" s="7">
        <v>400092</v>
      </c>
      <c r="O120" s="8" t="s">
        <v>1489</v>
      </c>
      <c r="P120" s="7" t="s">
        <v>444</v>
      </c>
      <c r="Q120" s="7" t="s">
        <v>1490</v>
      </c>
      <c r="R120" s="7" t="s">
        <v>1491</v>
      </c>
      <c r="S120" s="7" t="s">
        <v>1492</v>
      </c>
      <c r="T120" s="7" t="s">
        <v>533</v>
      </c>
      <c r="U120" s="7">
        <v>400076</v>
      </c>
      <c r="V120" s="8" t="s">
        <v>1493</v>
      </c>
      <c r="W120" s="8" t="s">
        <v>43</v>
      </c>
      <c r="X120" s="8" t="s">
        <v>44</v>
      </c>
      <c r="Y120" s="7" t="s">
        <v>45</v>
      </c>
      <c r="Z120" s="8" t="s">
        <v>1494</v>
      </c>
      <c r="AA120" s="8" t="s">
        <v>40</v>
      </c>
      <c r="AB120" s="8" t="s">
        <v>47</v>
      </c>
      <c r="AC120" s="7" t="s">
        <v>1495</v>
      </c>
      <c r="AD120" s="7" t="s">
        <v>1496</v>
      </c>
    </row>
    <row r="121" spans="1:30" x14ac:dyDescent="0.25">
      <c r="A121" s="7">
        <v>118</v>
      </c>
      <c r="B121" s="8" t="s">
        <v>1497</v>
      </c>
      <c r="C121" s="8" t="s">
        <v>1498</v>
      </c>
      <c r="D121" s="7" t="s">
        <v>1499</v>
      </c>
      <c r="E121" s="8" t="s">
        <v>1500</v>
      </c>
      <c r="F121" s="7">
        <v>30</v>
      </c>
      <c r="G121" s="9">
        <v>22.5</v>
      </c>
      <c r="H121" s="7">
        <v>0</v>
      </c>
      <c r="I121" s="7" t="s">
        <v>1057</v>
      </c>
      <c r="J121" s="7" t="s">
        <v>1501</v>
      </c>
      <c r="K121" s="7" t="s">
        <v>1502</v>
      </c>
      <c r="L121" s="7" t="s">
        <v>1503</v>
      </c>
      <c r="M121" s="7" t="s">
        <v>1504</v>
      </c>
      <c r="N121" s="7">
        <v>400092</v>
      </c>
      <c r="O121" s="8" t="s">
        <v>1505</v>
      </c>
      <c r="P121" s="7" t="s">
        <v>38</v>
      </c>
      <c r="Q121" s="7" t="s">
        <v>1506</v>
      </c>
      <c r="R121" s="7" t="s">
        <v>1507</v>
      </c>
      <c r="S121" s="7" t="s">
        <v>533</v>
      </c>
      <c r="T121" s="7" t="s">
        <v>558</v>
      </c>
      <c r="U121" s="7">
        <v>400092</v>
      </c>
      <c r="V121" s="8" t="s">
        <v>1508</v>
      </c>
      <c r="W121" s="8" t="s">
        <v>43</v>
      </c>
      <c r="X121" s="8" t="s">
        <v>44</v>
      </c>
      <c r="Y121" s="7" t="s">
        <v>45</v>
      </c>
      <c r="Z121" s="8" t="s">
        <v>1509</v>
      </c>
      <c r="AA121" s="8" t="s">
        <v>1510</v>
      </c>
      <c r="AB121" s="8" t="s">
        <v>47</v>
      </c>
      <c r="AC121" s="7" t="s">
        <v>1511</v>
      </c>
      <c r="AD121" s="7" t="s">
        <v>1512</v>
      </c>
    </row>
    <row r="122" spans="1:30" x14ac:dyDescent="0.25">
      <c r="A122" s="7">
        <v>119</v>
      </c>
      <c r="B122" s="8" t="s">
        <v>75</v>
      </c>
      <c r="C122" s="8" t="s">
        <v>1513</v>
      </c>
      <c r="D122" s="7" t="s">
        <v>1514</v>
      </c>
      <c r="E122" s="8" t="s">
        <v>1515</v>
      </c>
      <c r="F122" s="7">
        <v>50</v>
      </c>
      <c r="G122" s="9">
        <v>37.5</v>
      </c>
      <c r="H122" s="7">
        <v>0</v>
      </c>
      <c r="I122" s="7" t="s">
        <v>1057</v>
      </c>
      <c r="J122" s="7" t="s">
        <v>1516</v>
      </c>
      <c r="K122" s="7" t="s">
        <v>1517</v>
      </c>
      <c r="L122" s="7" t="s">
        <v>1518</v>
      </c>
      <c r="M122" s="7" t="s">
        <v>533</v>
      </c>
      <c r="N122" s="7">
        <v>400102</v>
      </c>
      <c r="O122" s="8" t="s">
        <v>1519</v>
      </c>
      <c r="P122" s="7" t="s">
        <v>1520</v>
      </c>
      <c r="Q122" s="7" t="s">
        <v>1521</v>
      </c>
      <c r="R122" s="7" t="s">
        <v>1522</v>
      </c>
      <c r="S122" s="7" t="s">
        <v>1523</v>
      </c>
      <c r="T122" s="7" t="s">
        <v>533</v>
      </c>
      <c r="U122" s="7">
        <v>400062</v>
      </c>
      <c r="V122" s="8" t="s">
        <v>1524</v>
      </c>
      <c r="W122" s="8" t="s">
        <v>43</v>
      </c>
      <c r="X122" s="8" t="s">
        <v>44</v>
      </c>
      <c r="Y122" s="7" t="s">
        <v>45</v>
      </c>
      <c r="Z122" s="8" t="s">
        <v>1525</v>
      </c>
      <c r="AA122" s="8" t="s">
        <v>40</v>
      </c>
      <c r="AB122" s="8" t="s">
        <v>47</v>
      </c>
      <c r="AC122" s="7" t="s">
        <v>40</v>
      </c>
      <c r="AD122" s="7" t="s">
        <v>40</v>
      </c>
    </row>
    <row r="123" spans="1:30" ht="30" x14ac:dyDescent="0.25">
      <c r="A123" s="7">
        <v>120</v>
      </c>
      <c r="B123" s="8" t="s">
        <v>1526</v>
      </c>
      <c r="C123" s="8" t="s">
        <v>1527</v>
      </c>
      <c r="D123" s="7" t="s">
        <v>1528</v>
      </c>
      <c r="E123" s="8" t="s">
        <v>1529</v>
      </c>
      <c r="F123" s="7">
        <v>200</v>
      </c>
      <c r="G123" s="9">
        <v>150</v>
      </c>
      <c r="H123" s="7">
        <v>0</v>
      </c>
      <c r="I123" s="7" t="s">
        <v>1057</v>
      </c>
      <c r="J123" s="7" t="s">
        <v>1530</v>
      </c>
      <c r="K123" s="7" t="s">
        <v>1531</v>
      </c>
      <c r="L123" s="7" t="s">
        <v>40</v>
      </c>
      <c r="M123" s="7" t="s">
        <v>1532</v>
      </c>
      <c r="N123" s="7">
        <v>400606</v>
      </c>
      <c r="O123" s="8" t="s">
        <v>1533</v>
      </c>
      <c r="P123" s="7" t="s">
        <v>1417</v>
      </c>
      <c r="Q123" s="7" t="s">
        <v>1534</v>
      </c>
      <c r="R123" s="7" t="s">
        <v>1535</v>
      </c>
      <c r="S123" s="7" t="s">
        <v>1536</v>
      </c>
      <c r="T123" s="7" t="s">
        <v>1537</v>
      </c>
      <c r="U123" s="7">
        <v>400602</v>
      </c>
      <c r="V123" s="8" t="s">
        <v>1538</v>
      </c>
      <c r="W123" s="8" t="s">
        <v>43</v>
      </c>
      <c r="X123" s="8" t="s">
        <v>44</v>
      </c>
      <c r="Y123" s="7" t="s">
        <v>45</v>
      </c>
      <c r="Z123" s="8" t="s">
        <v>1539</v>
      </c>
      <c r="AA123" s="8" t="s">
        <v>40</v>
      </c>
      <c r="AB123" s="8" t="s">
        <v>47</v>
      </c>
      <c r="AC123" s="7" t="s">
        <v>1540</v>
      </c>
      <c r="AD123" s="7" t="s">
        <v>1541</v>
      </c>
    </row>
    <row r="124" spans="1:30" x14ac:dyDescent="0.25">
      <c r="A124" s="7">
        <v>121</v>
      </c>
      <c r="B124" s="8" t="s">
        <v>28</v>
      </c>
      <c r="C124" s="8" t="s">
        <v>1542</v>
      </c>
      <c r="D124" s="7" t="s">
        <v>1543</v>
      </c>
      <c r="E124" s="8" t="s">
        <v>1544</v>
      </c>
      <c r="F124" s="7">
        <v>15</v>
      </c>
      <c r="G124" s="9">
        <v>11.25</v>
      </c>
      <c r="H124" s="7">
        <v>0</v>
      </c>
      <c r="I124" s="7" t="s">
        <v>1057</v>
      </c>
      <c r="J124" s="7" t="s">
        <v>1545</v>
      </c>
      <c r="K124" s="7" t="s">
        <v>1546</v>
      </c>
      <c r="L124" s="7" t="s">
        <v>1547</v>
      </c>
      <c r="M124" s="7" t="s">
        <v>1547</v>
      </c>
      <c r="N124" s="7">
        <v>403512</v>
      </c>
      <c r="O124" s="8" t="s">
        <v>1548</v>
      </c>
      <c r="P124" s="7" t="s">
        <v>1549</v>
      </c>
      <c r="Q124" s="7" t="s">
        <v>1550</v>
      </c>
      <c r="R124" s="7" t="s">
        <v>1551</v>
      </c>
      <c r="S124" s="7" t="s">
        <v>1551</v>
      </c>
      <c r="T124" s="7" t="s">
        <v>1551</v>
      </c>
      <c r="U124" s="7">
        <v>403507</v>
      </c>
      <c r="V124" s="8" t="s">
        <v>1552</v>
      </c>
      <c r="W124" s="8" t="s">
        <v>43</v>
      </c>
      <c r="X124" s="8" t="s">
        <v>44</v>
      </c>
      <c r="Y124" s="7" t="s">
        <v>45</v>
      </c>
      <c r="Z124" s="8" t="s">
        <v>40</v>
      </c>
      <c r="AA124" s="8" t="s">
        <v>40</v>
      </c>
      <c r="AB124" s="8" t="s">
        <v>47</v>
      </c>
      <c r="AC124" s="7" t="s">
        <v>1553</v>
      </c>
      <c r="AD124" s="7" t="s">
        <v>1554</v>
      </c>
    </row>
    <row r="125" spans="1:30" ht="18" customHeight="1" x14ac:dyDescent="0.25">
      <c r="A125" s="7">
        <v>122</v>
      </c>
      <c r="B125" s="8" t="s">
        <v>1555</v>
      </c>
      <c r="C125" s="8" t="s">
        <v>1556</v>
      </c>
      <c r="D125" s="7" t="s">
        <v>1557</v>
      </c>
      <c r="E125" s="8" t="s">
        <v>1558</v>
      </c>
      <c r="F125" s="7">
        <v>25</v>
      </c>
      <c r="G125" s="9">
        <v>18.75</v>
      </c>
      <c r="H125" s="7">
        <v>0</v>
      </c>
      <c r="I125" s="7" t="s">
        <v>1057</v>
      </c>
      <c r="J125" s="7" t="s">
        <v>1559</v>
      </c>
      <c r="K125" s="7" t="s">
        <v>1560</v>
      </c>
      <c r="L125" s="7" t="s">
        <v>533</v>
      </c>
      <c r="M125" s="7" t="s">
        <v>558</v>
      </c>
      <c r="N125" s="7">
        <v>410209</v>
      </c>
      <c r="O125" s="8" t="s">
        <v>1561</v>
      </c>
      <c r="P125" s="7" t="s">
        <v>38</v>
      </c>
      <c r="Q125" s="7" t="s">
        <v>1562</v>
      </c>
      <c r="R125" s="7" t="s">
        <v>40</v>
      </c>
      <c r="S125" s="7" t="s">
        <v>533</v>
      </c>
      <c r="T125" s="7" t="s">
        <v>558</v>
      </c>
      <c r="U125" s="7">
        <v>410209</v>
      </c>
      <c r="V125" s="8" t="s">
        <v>1563</v>
      </c>
      <c r="W125" s="8" t="s">
        <v>43</v>
      </c>
      <c r="X125" s="8" t="s">
        <v>44</v>
      </c>
      <c r="Y125" s="7" t="s">
        <v>45</v>
      </c>
      <c r="Z125" s="8" t="s">
        <v>1564</v>
      </c>
      <c r="AA125" s="8" t="s">
        <v>40</v>
      </c>
      <c r="AB125" s="8" t="s">
        <v>47</v>
      </c>
      <c r="AC125" s="7" t="s">
        <v>1565</v>
      </c>
      <c r="AD125" s="7" t="s">
        <v>1566</v>
      </c>
    </row>
    <row r="126" spans="1:30" x14ac:dyDescent="0.25">
      <c r="A126" s="7">
        <v>123</v>
      </c>
      <c r="B126" s="8" t="s">
        <v>861</v>
      </c>
      <c r="C126" s="8" t="s">
        <v>1567</v>
      </c>
      <c r="D126" s="7" t="s">
        <v>1568</v>
      </c>
      <c r="E126" s="8" t="s">
        <v>1569</v>
      </c>
      <c r="F126" s="7">
        <v>50</v>
      </c>
      <c r="G126" s="9">
        <v>37.5</v>
      </c>
      <c r="H126" s="7">
        <v>0</v>
      </c>
      <c r="I126" s="7" t="s">
        <v>1057</v>
      </c>
      <c r="J126" s="7" t="s">
        <v>1570</v>
      </c>
      <c r="K126" s="7" t="s">
        <v>1571</v>
      </c>
      <c r="L126" s="7" t="s">
        <v>1572</v>
      </c>
      <c r="M126" s="7" t="s">
        <v>1573</v>
      </c>
      <c r="N126" s="7">
        <v>411041</v>
      </c>
      <c r="O126" s="8" t="s">
        <v>1574</v>
      </c>
      <c r="P126" s="7" t="s">
        <v>1575</v>
      </c>
      <c r="Q126" s="7" t="s">
        <v>1576</v>
      </c>
      <c r="R126" s="7" t="s">
        <v>40</v>
      </c>
      <c r="S126" s="7" t="s">
        <v>40</v>
      </c>
      <c r="T126" s="7" t="s">
        <v>1573</v>
      </c>
      <c r="U126" s="7">
        <v>411043</v>
      </c>
      <c r="V126" s="8" t="s">
        <v>1577</v>
      </c>
      <c r="W126" s="8" t="s">
        <v>43</v>
      </c>
      <c r="X126" s="8" t="s">
        <v>44</v>
      </c>
      <c r="Y126" s="7" t="s">
        <v>1578</v>
      </c>
      <c r="Z126" s="8" t="s">
        <v>1579</v>
      </c>
      <c r="AA126" s="8" t="s">
        <v>40</v>
      </c>
      <c r="AB126" s="8" t="s">
        <v>47</v>
      </c>
      <c r="AC126" s="7" t="s">
        <v>40</v>
      </c>
      <c r="AD126" s="7" t="s">
        <v>1580</v>
      </c>
    </row>
    <row r="127" spans="1:30" ht="30" x14ac:dyDescent="0.25">
      <c r="A127" s="7">
        <v>124</v>
      </c>
      <c r="B127" s="8" t="s">
        <v>1097</v>
      </c>
      <c r="C127" s="8" t="s">
        <v>1581</v>
      </c>
      <c r="D127" s="7" t="s">
        <v>1582</v>
      </c>
      <c r="E127" s="8" t="s">
        <v>1583</v>
      </c>
      <c r="F127" s="7">
        <v>10</v>
      </c>
      <c r="G127" s="9">
        <v>7.5</v>
      </c>
      <c r="H127" s="7">
        <v>0</v>
      </c>
      <c r="I127" s="7" t="s">
        <v>1057</v>
      </c>
      <c r="J127" s="7" t="s">
        <v>1584</v>
      </c>
      <c r="K127" s="7" t="s">
        <v>1585</v>
      </c>
      <c r="L127" s="7" t="s">
        <v>40</v>
      </c>
      <c r="M127" s="7" t="s">
        <v>1586</v>
      </c>
      <c r="N127" s="7">
        <v>413512</v>
      </c>
      <c r="O127" s="8" t="s">
        <v>1587</v>
      </c>
      <c r="P127" s="7" t="s">
        <v>444</v>
      </c>
      <c r="Q127" s="7" t="s">
        <v>1588</v>
      </c>
      <c r="R127" s="7" t="s">
        <v>1589</v>
      </c>
      <c r="S127" s="7" t="s">
        <v>1590</v>
      </c>
      <c r="T127" s="7" t="s">
        <v>1591</v>
      </c>
      <c r="U127" s="7">
        <v>413531</v>
      </c>
      <c r="V127" s="8" t="s">
        <v>1592</v>
      </c>
      <c r="W127" s="8" t="s">
        <v>43</v>
      </c>
      <c r="X127" s="8" t="s">
        <v>44</v>
      </c>
      <c r="Y127" s="7" t="s">
        <v>45</v>
      </c>
      <c r="Z127" s="8" t="s">
        <v>1593</v>
      </c>
      <c r="AA127" s="8" t="s">
        <v>40</v>
      </c>
      <c r="AB127" s="8" t="s">
        <v>47</v>
      </c>
      <c r="AC127" s="7" t="s">
        <v>1594</v>
      </c>
      <c r="AD127" s="7" t="s">
        <v>1595</v>
      </c>
    </row>
    <row r="128" spans="1:30" x14ac:dyDescent="0.25">
      <c r="A128" s="7">
        <v>125</v>
      </c>
      <c r="B128" s="8" t="s">
        <v>1596</v>
      </c>
      <c r="C128" s="8" t="s">
        <v>1597</v>
      </c>
      <c r="D128" s="7" t="s">
        <v>1598</v>
      </c>
      <c r="E128" s="8" t="s">
        <v>1599</v>
      </c>
      <c r="F128" s="7">
        <v>26</v>
      </c>
      <c r="G128" s="9">
        <v>19.5</v>
      </c>
      <c r="H128" s="7">
        <v>0</v>
      </c>
      <c r="I128" s="7" t="s">
        <v>1057</v>
      </c>
      <c r="J128" s="7" t="s">
        <v>1600</v>
      </c>
      <c r="K128" s="7" t="s">
        <v>1601</v>
      </c>
      <c r="L128" s="7" t="s">
        <v>40</v>
      </c>
      <c r="M128" s="7" t="s">
        <v>1591</v>
      </c>
      <c r="N128" s="7">
        <v>413512</v>
      </c>
      <c r="O128" s="8" t="s">
        <v>1602</v>
      </c>
      <c r="P128" s="7" t="s">
        <v>1417</v>
      </c>
      <c r="Q128" s="7" t="s">
        <v>1603</v>
      </c>
      <c r="R128" s="7" t="s">
        <v>1590</v>
      </c>
      <c r="S128" s="7" t="s">
        <v>40</v>
      </c>
      <c r="T128" s="7" t="s">
        <v>1591</v>
      </c>
      <c r="U128" s="7">
        <v>413512</v>
      </c>
      <c r="V128" s="8" t="s">
        <v>1604</v>
      </c>
      <c r="W128" s="8" t="s">
        <v>43</v>
      </c>
      <c r="X128" s="8" t="s">
        <v>44</v>
      </c>
      <c r="Y128" s="7" t="s">
        <v>45</v>
      </c>
      <c r="Z128" s="8" t="s">
        <v>1605</v>
      </c>
      <c r="AA128" s="8" t="s">
        <v>40</v>
      </c>
      <c r="AB128" s="8" t="s">
        <v>47</v>
      </c>
      <c r="AC128" s="7" t="s">
        <v>1606</v>
      </c>
      <c r="AD128" s="7" t="s">
        <v>1607</v>
      </c>
    </row>
    <row r="129" spans="1:30" ht="30" x14ac:dyDescent="0.25">
      <c r="A129" s="7">
        <v>126</v>
      </c>
      <c r="B129" s="8" t="s">
        <v>276</v>
      </c>
      <c r="C129" s="8" t="s">
        <v>1608</v>
      </c>
      <c r="D129" s="7" t="s">
        <v>1609</v>
      </c>
      <c r="E129" s="8" t="s">
        <v>1610</v>
      </c>
      <c r="F129" s="7">
        <v>10</v>
      </c>
      <c r="G129" s="9">
        <v>7.5</v>
      </c>
      <c r="H129" s="7">
        <v>0</v>
      </c>
      <c r="I129" s="7" t="s">
        <v>1057</v>
      </c>
      <c r="J129" s="7" t="s">
        <v>1611</v>
      </c>
      <c r="K129" s="7" t="s">
        <v>1612</v>
      </c>
      <c r="L129" s="7" t="s">
        <v>1613</v>
      </c>
      <c r="M129" s="7" t="s">
        <v>1614</v>
      </c>
      <c r="N129" s="7">
        <v>421201</v>
      </c>
      <c r="O129" s="8" t="s">
        <v>1615</v>
      </c>
      <c r="P129" s="7" t="s">
        <v>1616</v>
      </c>
      <c r="Q129" s="7" t="s">
        <v>1617</v>
      </c>
      <c r="R129" s="7" t="s">
        <v>1618</v>
      </c>
      <c r="S129" s="7" t="s">
        <v>1619</v>
      </c>
      <c r="T129" s="7" t="s">
        <v>1620</v>
      </c>
      <c r="U129" s="7">
        <v>421301</v>
      </c>
      <c r="V129" s="8" t="s">
        <v>1621</v>
      </c>
      <c r="W129" s="8" t="s">
        <v>43</v>
      </c>
      <c r="X129" s="8" t="s">
        <v>44</v>
      </c>
      <c r="Y129" s="7" t="s">
        <v>45</v>
      </c>
      <c r="Z129" s="8" t="s">
        <v>1622</v>
      </c>
      <c r="AA129" s="8" t="s">
        <v>40</v>
      </c>
      <c r="AB129" s="8" t="s">
        <v>47</v>
      </c>
      <c r="AC129" s="7" t="s">
        <v>1623</v>
      </c>
      <c r="AD129" s="7" t="s">
        <v>1624</v>
      </c>
    </row>
    <row r="130" spans="1:30" ht="30" x14ac:dyDescent="0.25">
      <c r="A130" s="7">
        <v>127</v>
      </c>
      <c r="B130" s="8" t="s">
        <v>75</v>
      </c>
      <c r="C130" s="8" t="s">
        <v>1625</v>
      </c>
      <c r="D130" s="7" t="s">
        <v>1626</v>
      </c>
      <c r="E130" s="8" t="s">
        <v>1627</v>
      </c>
      <c r="F130" s="7">
        <v>50</v>
      </c>
      <c r="G130" s="9">
        <v>37.5</v>
      </c>
      <c r="H130" s="7">
        <v>0</v>
      </c>
      <c r="I130" s="7" t="s">
        <v>1057</v>
      </c>
      <c r="J130" s="7" t="s">
        <v>1628</v>
      </c>
      <c r="K130" s="7" t="s">
        <v>1629</v>
      </c>
      <c r="L130" s="7" t="s">
        <v>1630</v>
      </c>
      <c r="M130" s="7" t="s">
        <v>1537</v>
      </c>
      <c r="N130" s="7">
        <v>421201</v>
      </c>
      <c r="O130" s="8" t="s">
        <v>1631</v>
      </c>
      <c r="P130" s="7" t="s">
        <v>1632</v>
      </c>
      <c r="Q130" s="7" t="s">
        <v>1633</v>
      </c>
      <c r="R130" s="7" t="s">
        <v>1634</v>
      </c>
      <c r="S130" s="7" t="s">
        <v>1635</v>
      </c>
      <c r="T130" s="7" t="s">
        <v>1636</v>
      </c>
      <c r="U130" s="7">
        <v>421201</v>
      </c>
      <c r="V130" s="8" t="s">
        <v>1637</v>
      </c>
      <c r="W130" s="8" t="s">
        <v>43</v>
      </c>
      <c r="X130" s="8" t="s">
        <v>44</v>
      </c>
      <c r="Y130" s="7" t="s">
        <v>45</v>
      </c>
      <c r="Z130" s="8" t="s">
        <v>1638</v>
      </c>
      <c r="AA130" s="8" t="s">
        <v>40</v>
      </c>
      <c r="AB130" s="8" t="s">
        <v>47</v>
      </c>
      <c r="AC130" s="7" t="s">
        <v>1639</v>
      </c>
      <c r="AD130" s="7" t="s">
        <v>1640</v>
      </c>
    </row>
    <row r="131" spans="1:30" ht="30" x14ac:dyDescent="0.25">
      <c r="A131" s="7">
        <v>128</v>
      </c>
      <c r="B131" s="8" t="s">
        <v>1641</v>
      </c>
      <c r="C131" s="8" t="s">
        <v>1642</v>
      </c>
      <c r="D131" s="7" t="s">
        <v>1643</v>
      </c>
      <c r="E131" s="8" t="s">
        <v>1644</v>
      </c>
      <c r="F131" s="7">
        <v>100</v>
      </c>
      <c r="G131" s="9">
        <v>75</v>
      </c>
      <c r="H131" s="7">
        <v>0</v>
      </c>
      <c r="I131" s="7" t="s">
        <v>1057</v>
      </c>
      <c r="J131" s="7" t="s">
        <v>1645</v>
      </c>
      <c r="K131" s="7" t="s">
        <v>1646</v>
      </c>
      <c r="L131" s="7" t="s">
        <v>1647</v>
      </c>
      <c r="M131" s="7" t="s">
        <v>1648</v>
      </c>
      <c r="N131" s="7">
        <v>431603</v>
      </c>
      <c r="O131" s="8" t="s">
        <v>1649</v>
      </c>
      <c r="P131" s="7" t="s">
        <v>1650</v>
      </c>
      <c r="Q131" s="7" t="s">
        <v>1651</v>
      </c>
      <c r="R131" s="7" t="s">
        <v>40</v>
      </c>
      <c r="S131" s="7" t="s">
        <v>40</v>
      </c>
      <c r="T131" s="7" t="s">
        <v>1651</v>
      </c>
      <c r="U131" s="7">
        <v>431601</v>
      </c>
      <c r="V131" s="8" t="s">
        <v>1652</v>
      </c>
      <c r="W131" s="8" t="s">
        <v>43</v>
      </c>
      <c r="X131" s="8" t="s">
        <v>44</v>
      </c>
      <c r="Y131" s="7" t="s">
        <v>45</v>
      </c>
      <c r="Z131" s="8" t="s">
        <v>1653</v>
      </c>
      <c r="AA131" s="8" t="s">
        <v>40</v>
      </c>
      <c r="AB131" s="8" t="s">
        <v>47</v>
      </c>
      <c r="AC131" s="7" t="s">
        <v>1654</v>
      </c>
      <c r="AD131" s="7" t="s">
        <v>1655</v>
      </c>
    </row>
    <row r="132" spans="1:30" x14ac:dyDescent="0.25">
      <c r="A132" s="7">
        <v>129</v>
      </c>
      <c r="B132" s="8" t="s">
        <v>1656</v>
      </c>
      <c r="C132" s="8" t="s">
        <v>1657</v>
      </c>
      <c r="D132" s="7" t="s">
        <v>1658</v>
      </c>
      <c r="E132" s="8" t="s">
        <v>1659</v>
      </c>
      <c r="F132" s="7">
        <v>50</v>
      </c>
      <c r="G132" s="9">
        <v>37.5</v>
      </c>
      <c r="H132" s="7">
        <v>0</v>
      </c>
      <c r="I132" s="7" t="s">
        <v>1057</v>
      </c>
      <c r="J132" s="7" t="s">
        <v>1660</v>
      </c>
      <c r="K132" s="7" t="s">
        <v>1661</v>
      </c>
      <c r="L132" s="7" t="s">
        <v>40</v>
      </c>
      <c r="M132" s="7" t="s">
        <v>1662</v>
      </c>
      <c r="N132" s="7">
        <v>452001</v>
      </c>
      <c r="O132" s="8" t="s">
        <v>1663</v>
      </c>
      <c r="P132" s="7" t="s">
        <v>1664</v>
      </c>
      <c r="Q132" s="7" t="s">
        <v>1665</v>
      </c>
      <c r="R132" s="7" t="s">
        <v>1666</v>
      </c>
      <c r="S132" s="7" t="s">
        <v>1667</v>
      </c>
      <c r="T132" s="7" t="s">
        <v>1668</v>
      </c>
      <c r="U132" s="7">
        <v>452001</v>
      </c>
      <c r="V132" s="8" t="s">
        <v>1669</v>
      </c>
      <c r="W132" s="8" t="s">
        <v>43</v>
      </c>
      <c r="X132" s="8" t="s">
        <v>44</v>
      </c>
      <c r="Y132" s="7" t="s">
        <v>45</v>
      </c>
      <c r="Z132" s="8" t="s">
        <v>40</v>
      </c>
      <c r="AA132" s="8" t="s">
        <v>40</v>
      </c>
      <c r="AB132" s="8" t="s">
        <v>47</v>
      </c>
      <c r="AC132" s="7" t="s">
        <v>40</v>
      </c>
      <c r="AD132" s="7" t="s">
        <v>1670</v>
      </c>
    </row>
    <row r="133" spans="1:30" ht="30" x14ac:dyDescent="0.25">
      <c r="A133" s="7">
        <v>130</v>
      </c>
      <c r="B133" s="8" t="s">
        <v>526</v>
      </c>
      <c r="C133" s="8" t="s">
        <v>1671</v>
      </c>
      <c r="D133" s="7" t="s">
        <v>1672</v>
      </c>
      <c r="E133" s="8" t="s">
        <v>1673</v>
      </c>
      <c r="F133" s="7">
        <v>50</v>
      </c>
      <c r="G133" s="9">
        <v>37.5</v>
      </c>
      <c r="H133" s="7">
        <v>0</v>
      </c>
      <c r="I133" s="7" t="s">
        <v>1057</v>
      </c>
      <c r="J133" s="7" t="s">
        <v>1674</v>
      </c>
      <c r="K133" s="7" t="s">
        <v>40</v>
      </c>
      <c r="L133" s="7" t="s">
        <v>40</v>
      </c>
      <c r="M133" s="7" t="s">
        <v>1675</v>
      </c>
      <c r="N133" s="7">
        <v>452001</v>
      </c>
      <c r="O133" s="8" t="s">
        <v>1676</v>
      </c>
      <c r="P133" s="7" t="s">
        <v>444</v>
      </c>
      <c r="Q133" s="7" t="s">
        <v>1677</v>
      </c>
      <c r="R133" s="7" t="s">
        <v>1678</v>
      </c>
      <c r="S133" s="7" t="s">
        <v>40</v>
      </c>
      <c r="T133" s="7" t="s">
        <v>1675</v>
      </c>
      <c r="U133" s="7">
        <v>452003</v>
      </c>
      <c r="V133" s="8" t="s">
        <v>1679</v>
      </c>
      <c r="W133" s="8" t="s">
        <v>43</v>
      </c>
      <c r="X133" s="8" t="s">
        <v>44</v>
      </c>
      <c r="Y133" s="7" t="s">
        <v>45</v>
      </c>
      <c r="Z133" s="8" t="s">
        <v>1680</v>
      </c>
      <c r="AA133" s="8" t="s">
        <v>40</v>
      </c>
      <c r="AB133" s="8" t="s">
        <v>47</v>
      </c>
      <c r="AC133" s="7" t="s">
        <v>40</v>
      </c>
      <c r="AD133" s="7" t="s">
        <v>1681</v>
      </c>
    </row>
    <row r="134" spans="1:30" ht="30" x14ac:dyDescent="0.25">
      <c r="A134" s="7">
        <v>131</v>
      </c>
      <c r="B134" s="8" t="s">
        <v>1555</v>
      </c>
      <c r="C134" s="8" t="s">
        <v>1682</v>
      </c>
      <c r="D134" s="7" t="s">
        <v>1683</v>
      </c>
      <c r="E134" s="8" t="s">
        <v>1684</v>
      </c>
      <c r="F134" s="7">
        <v>50</v>
      </c>
      <c r="G134" s="9">
        <v>37.5</v>
      </c>
      <c r="H134" s="7">
        <v>0</v>
      </c>
      <c r="I134" s="7" t="s">
        <v>1057</v>
      </c>
      <c r="J134" s="7" t="s">
        <v>1685</v>
      </c>
      <c r="K134" s="7" t="s">
        <v>1686</v>
      </c>
      <c r="L134" s="7" t="s">
        <v>1687</v>
      </c>
      <c r="M134" s="7" t="s">
        <v>40</v>
      </c>
      <c r="N134" s="7">
        <v>500007</v>
      </c>
      <c r="O134" s="8" t="s">
        <v>1688</v>
      </c>
      <c r="P134" s="7" t="s">
        <v>219</v>
      </c>
      <c r="Q134" s="7" t="s">
        <v>1689</v>
      </c>
      <c r="R134" s="7" t="s">
        <v>753</v>
      </c>
      <c r="S134" s="7" t="s">
        <v>40</v>
      </c>
      <c r="T134" s="7" t="s">
        <v>40</v>
      </c>
      <c r="U134" s="7">
        <v>500058</v>
      </c>
      <c r="V134" s="8" t="s">
        <v>1690</v>
      </c>
      <c r="W134" s="8" t="s">
        <v>43</v>
      </c>
      <c r="X134" s="8" t="s">
        <v>44</v>
      </c>
      <c r="Y134" s="7" t="s">
        <v>45</v>
      </c>
      <c r="Z134" s="8" t="s">
        <v>1691</v>
      </c>
      <c r="AA134" s="8" t="s">
        <v>40</v>
      </c>
      <c r="AB134" s="8" t="s">
        <v>47</v>
      </c>
      <c r="AC134" s="7" t="s">
        <v>40</v>
      </c>
      <c r="AD134" s="7" t="s">
        <v>1692</v>
      </c>
    </row>
    <row r="135" spans="1:30" x14ac:dyDescent="0.25">
      <c r="A135" s="7">
        <v>132</v>
      </c>
      <c r="B135" s="8" t="s">
        <v>1410</v>
      </c>
      <c r="C135" s="8" t="s">
        <v>1693</v>
      </c>
      <c r="D135" s="7" t="s">
        <v>1694</v>
      </c>
      <c r="E135" s="8" t="s">
        <v>1695</v>
      </c>
      <c r="F135" s="7">
        <v>50</v>
      </c>
      <c r="G135" s="9">
        <v>37.5</v>
      </c>
      <c r="H135" s="7">
        <v>0</v>
      </c>
      <c r="I135" s="7" t="s">
        <v>1057</v>
      </c>
      <c r="J135" s="7" t="s">
        <v>1696</v>
      </c>
      <c r="K135" s="7" t="s">
        <v>1697</v>
      </c>
      <c r="L135" s="7" t="s">
        <v>1698</v>
      </c>
      <c r="M135" s="7" t="s">
        <v>753</v>
      </c>
      <c r="N135" s="7">
        <v>500016</v>
      </c>
      <c r="O135" s="8" t="s">
        <v>1699</v>
      </c>
      <c r="P135" s="7" t="s">
        <v>1417</v>
      </c>
      <c r="Q135" s="7" t="s">
        <v>1700</v>
      </c>
      <c r="R135" s="7" t="s">
        <v>1701</v>
      </c>
      <c r="S135" s="7" t="s">
        <v>1702</v>
      </c>
      <c r="T135" s="7" t="s">
        <v>753</v>
      </c>
      <c r="U135" s="7">
        <v>500004</v>
      </c>
      <c r="V135" s="8" t="s">
        <v>1703</v>
      </c>
      <c r="W135" s="8" t="s">
        <v>43</v>
      </c>
      <c r="X135" s="8" t="s">
        <v>44</v>
      </c>
      <c r="Y135" s="7" t="s">
        <v>45</v>
      </c>
      <c r="Z135" s="8" t="s">
        <v>1704</v>
      </c>
      <c r="AA135" s="8" t="s">
        <v>40</v>
      </c>
      <c r="AB135" s="8" t="s">
        <v>47</v>
      </c>
      <c r="AC135" s="7" t="s">
        <v>1705</v>
      </c>
      <c r="AD135" s="7" t="s">
        <v>1706</v>
      </c>
    </row>
    <row r="136" spans="1:30" ht="30" x14ac:dyDescent="0.25">
      <c r="A136" s="7">
        <v>133</v>
      </c>
      <c r="B136" s="8" t="s">
        <v>1707</v>
      </c>
      <c r="C136" s="8" t="s">
        <v>1708</v>
      </c>
      <c r="D136" s="7" t="s">
        <v>1709</v>
      </c>
      <c r="E136" s="8" t="s">
        <v>1710</v>
      </c>
      <c r="F136" s="7">
        <v>27</v>
      </c>
      <c r="G136" s="9">
        <v>20.25</v>
      </c>
      <c r="H136" s="7">
        <v>0</v>
      </c>
      <c r="I136" s="7" t="s">
        <v>1057</v>
      </c>
      <c r="J136" s="7" t="s">
        <v>1711</v>
      </c>
      <c r="K136" s="7" t="s">
        <v>1712</v>
      </c>
      <c r="L136" s="7" t="s">
        <v>1713</v>
      </c>
      <c r="M136" s="7" t="s">
        <v>1714</v>
      </c>
      <c r="N136" s="7">
        <v>500018</v>
      </c>
      <c r="O136" s="8" t="s">
        <v>1715</v>
      </c>
      <c r="P136" s="7" t="s">
        <v>818</v>
      </c>
      <c r="Q136" s="7" t="s">
        <v>1716</v>
      </c>
      <c r="R136" s="7" t="s">
        <v>1717</v>
      </c>
      <c r="S136" s="7" t="s">
        <v>1718</v>
      </c>
      <c r="T136" s="7" t="s">
        <v>753</v>
      </c>
      <c r="U136" s="7">
        <v>500018</v>
      </c>
      <c r="V136" s="8" t="s">
        <v>1719</v>
      </c>
      <c r="W136" s="8" t="s">
        <v>43</v>
      </c>
      <c r="X136" s="8" t="s">
        <v>44</v>
      </c>
      <c r="Y136" s="7" t="s">
        <v>45</v>
      </c>
      <c r="Z136" s="8" t="s">
        <v>1720</v>
      </c>
      <c r="AA136" s="8" t="s">
        <v>40</v>
      </c>
      <c r="AB136" s="8" t="s">
        <v>47</v>
      </c>
      <c r="AC136" s="7" t="s">
        <v>1721</v>
      </c>
      <c r="AD136" s="7" t="s">
        <v>1722</v>
      </c>
    </row>
    <row r="137" spans="1:30" ht="30" x14ac:dyDescent="0.25">
      <c r="A137" s="7">
        <v>134</v>
      </c>
      <c r="B137" s="8" t="s">
        <v>63</v>
      </c>
      <c r="C137" s="8" t="s">
        <v>1723</v>
      </c>
      <c r="D137" s="7" t="s">
        <v>1724</v>
      </c>
      <c r="E137" s="8" t="s">
        <v>1725</v>
      </c>
      <c r="F137" s="7">
        <v>5</v>
      </c>
      <c r="G137" s="9">
        <v>3.75</v>
      </c>
      <c r="H137" s="7">
        <v>0</v>
      </c>
      <c r="I137" s="7" t="s">
        <v>1057</v>
      </c>
      <c r="J137" s="7" t="s">
        <v>1726</v>
      </c>
      <c r="K137" s="7" t="s">
        <v>1727</v>
      </c>
      <c r="L137" s="7" t="s">
        <v>1728</v>
      </c>
      <c r="M137" s="7" t="s">
        <v>69</v>
      </c>
      <c r="N137" s="7">
        <v>500049</v>
      </c>
      <c r="O137" s="8" t="s">
        <v>1729</v>
      </c>
      <c r="P137" s="7" t="s">
        <v>1127</v>
      </c>
      <c r="Q137" s="7" t="s">
        <v>1730</v>
      </c>
      <c r="R137" s="7" t="s">
        <v>1731</v>
      </c>
      <c r="S137" s="7" t="s">
        <v>753</v>
      </c>
      <c r="T137" s="7" t="s">
        <v>69</v>
      </c>
      <c r="U137" s="7">
        <v>500072</v>
      </c>
      <c r="V137" s="8" t="s">
        <v>1732</v>
      </c>
      <c r="W137" s="8" t="s">
        <v>43</v>
      </c>
      <c r="X137" s="8" t="s">
        <v>44</v>
      </c>
      <c r="Y137" s="7" t="s">
        <v>45</v>
      </c>
      <c r="Z137" s="8" t="s">
        <v>40</v>
      </c>
      <c r="AA137" s="8" t="s">
        <v>40</v>
      </c>
      <c r="AB137" s="8" t="s">
        <v>47</v>
      </c>
      <c r="AC137" s="7" t="s">
        <v>1733</v>
      </c>
      <c r="AD137" s="7" t="s">
        <v>1734</v>
      </c>
    </row>
    <row r="138" spans="1:30" ht="18.75" customHeight="1" x14ac:dyDescent="0.25">
      <c r="A138" s="7">
        <v>135</v>
      </c>
      <c r="B138" s="8" t="s">
        <v>63</v>
      </c>
      <c r="C138" s="8" t="s">
        <v>1735</v>
      </c>
      <c r="D138" s="7" t="s">
        <v>1736</v>
      </c>
      <c r="E138" s="8" t="s">
        <v>1737</v>
      </c>
      <c r="F138" s="7">
        <v>10</v>
      </c>
      <c r="G138" s="9">
        <v>7.5</v>
      </c>
      <c r="H138" s="7">
        <v>0</v>
      </c>
      <c r="I138" s="7" t="s">
        <v>1057</v>
      </c>
      <c r="J138" s="7" t="s">
        <v>1738</v>
      </c>
      <c r="K138" s="7" t="s">
        <v>1739</v>
      </c>
      <c r="L138" s="7" t="s">
        <v>1740</v>
      </c>
      <c r="M138" s="7" t="s">
        <v>69</v>
      </c>
      <c r="N138" s="7">
        <v>517583</v>
      </c>
      <c r="O138" s="8" t="s">
        <v>1741</v>
      </c>
      <c r="P138" s="7" t="s">
        <v>1127</v>
      </c>
      <c r="Q138" s="7" t="s">
        <v>1742</v>
      </c>
      <c r="R138" s="7" t="s">
        <v>1743</v>
      </c>
      <c r="S138" s="7" t="s">
        <v>916</v>
      </c>
      <c r="T138" s="7" t="s">
        <v>69</v>
      </c>
      <c r="U138" s="7">
        <v>600084</v>
      </c>
      <c r="V138" s="8" t="s">
        <v>1744</v>
      </c>
      <c r="W138" s="8" t="s">
        <v>43</v>
      </c>
      <c r="X138" s="8" t="s">
        <v>44</v>
      </c>
      <c r="Y138" s="7" t="s">
        <v>45</v>
      </c>
      <c r="Z138" s="8" t="s">
        <v>40</v>
      </c>
      <c r="AA138" s="8" t="s">
        <v>40</v>
      </c>
      <c r="AB138" s="8" t="s">
        <v>47</v>
      </c>
      <c r="AC138" s="7" t="s">
        <v>1745</v>
      </c>
      <c r="AD138" s="7" t="s">
        <v>1746</v>
      </c>
    </row>
    <row r="139" spans="1:30" x14ac:dyDescent="0.25">
      <c r="A139" s="7">
        <v>136</v>
      </c>
      <c r="B139" s="8" t="s">
        <v>1747</v>
      </c>
      <c r="C139" s="8" t="s">
        <v>1748</v>
      </c>
      <c r="D139" s="7" t="s">
        <v>1749</v>
      </c>
      <c r="E139" s="8" t="s">
        <v>1750</v>
      </c>
      <c r="F139" s="7">
        <v>2</v>
      </c>
      <c r="G139" s="9">
        <v>1.5</v>
      </c>
      <c r="H139" s="7">
        <v>0</v>
      </c>
      <c r="I139" s="7" t="s">
        <v>1057</v>
      </c>
      <c r="J139" s="7" t="s">
        <v>1751</v>
      </c>
      <c r="K139" s="7" t="s">
        <v>1752</v>
      </c>
      <c r="L139" s="7" t="s">
        <v>1154</v>
      </c>
      <c r="M139" s="7" t="s">
        <v>1154</v>
      </c>
      <c r="N139" s="7">
        <v>560022</v>
      </c>
      <c r="O139" s="8" t="s">
        <v>1753</v>
      </c>
      <c r="P139" s="7" t="s">
        <v>869</v>
      </c>
      <c r="Q139" s="7" t="s">
        <v>1754</v>
      </c>
      <c r="R139" s="7" t="s">
        <v>1755</v>
      </c>
      <c r="S139" s="7" t="s">
        <v>1154</v>
      </c>
      <c r="T139" s="7" t="s">
        <v>1154</v>
      </c>
      <c r="U139" s="7">
        <v>560003</v>
      </c>
      <c r="V139" s="8" t="s">
        <v>1756</v>
      </c>
      <c r="W139" s="8" t="s">
        <v>433</v>
      </c>
      <c r="X139" s="8" t="s">
        <v>44</v>
      </c>
      <c r="Y139" s="7" t="s">
        <v>45</v>
      </c>
      <c r="Z139" s="8" t="s">
        <v>1757</v>
      </c>
      <c r="AA139" s="8" t="s">
        <v>40</v>
      </c>
      <c r="AB139" s="8" t="s">
        <v>47</v>
      </c>
      <c r="AC139" s="7" t="s">
        <v>40</v>
      </c>
      <c r="AD139" s="7" t="s">
        <v>1758</v>
      </c>
    </row>
    <row r="140" spans="1:30" x14ac:dyDescent="0.25">
      <c r="A140" s="7">
        <v>137</v>
      </c>
      <c r="B140" s="8" t="s">
        <v>235</v>
      </c>
      <c r="C140" s="8" t="s">
        <v>1759</v>
      </c>
      <c r="D140" s="7" t="s">
        <v>1760</v>
      </c>
      <c r="E140" s="8" t="s">
        <v>1761</v>
      </c>
      <c r="F140" s="7">
        <v>22</v>
      </c>
      <c r="G140" s="9">
        <v>16.5</v>
      </c>
      <c r="H140" s="7">
        <v>0</v>
      </c>
      <c r="I140" s="7" t="s">
        <v>1057</v>
      </c>
      <c r="J140" s="7" t="s">
        <v>1762</v>
      </c>
      <c r="K140" s="7" t="s">
        <v>1763</v>
      </c>
      <c r="L140" s="7" t="s">
        <v>1764</v>
      </c>
      <c r="M140" s="7" t="s">
        <v>1154</v>
      </c>
      <c r="N140" s="7">
        <v>560037</v>
      </c>
      <c r="O140" s="8" t="s">
        <v>1765</v>
      </c>
      <c r="P140" s="7" t="s">
        <v>508</v>
      </c>
      <c r="Q140" s="7" t="s">
        <v>508</v>
      </c>
      <c r="R140" s="7" t="s">
        <v>40</v>
      </c>
      <c r="S140" s="7" t="s">
        <v>1154</v>
      </c>
      <c r="T140" s="7" t="s">
        <v>1154</v>
      </c>
      <c r="U140" s="7">
        <v>560093</v>
      </c>
      <c r="V140" s="8" t="s">
        <v>1766</v>
      </c>
      <c r="W140" s="8" t="s">
        <v>43</v>
      </c>
      <c r="X140" s="8" t="s">
        <v>44</v>
      </c>
      <c r="Y140" s="7" t="s">
        <v>45</v>
      </c>
      <c r="Z140" s="8" t="s">
        <v>40</v>
      </c>
      <c r="AA140" s="8" t="s">
        <v>40</v>
      </c>
      <c r="AB140" s="8" t="s">
        <v>47</v>
      </c>
      <c r="AC140" s="7" t="s">
        <v>1767</v>
      </c>
      <c r="AD140" s="7" t="s">
        <v>1768</v>
      </c>
    </row>
    <row r="141" spans="1:30" ht="30" x14ac:dyDescent="0.25">
      <c r="A141" s="7">
        <v>138</v>
      </c>
      <c r="B141" s="8" t="s">
        <v>1526</v>
      </c>
      <c r="C141" s="8" t="s">
        <v>1769</v>
      </c>
      <c r="D141" s="7" t="s">
        <v>1770</v>
      </c>
      <c r="E141" s="8" t="s">
        <v>1771</v>
      </c>
      <c r="F141" s="7">
        <v>150</v>
      </c>
      <c r="G141" s="9">
        <v>112.5</v>
      </c>
      <c r="H141" s="7">
        <v>0</v>
      </c>
      <c r="I141" s="7" t="s">
        <v>1057</v>
      </c>
      <c r="J141" s="7" t="s">
        <v>1772</v>
      </c>
      <c r="K141" s="7" t="s">
        <v>1773</v>
      </c>
      <c r="L141" s="7" t="s">
        <v>1774</v>
      </c>
      <c r="M141" s="7" t="s">
        <v>1775</v>
      </c>
      <c r="N141" s="7">
        <v>575002</v>
      </c>
      <c r="O141" s="8" t="s">
        <v>1776</v>
      </c>
      <c r="P141" s="7" t="s">
        <v>1777</v>
      </c>
      <c r="Q141" s="7" t="s">
        <v>1778</v>
      </c>
      <c r="R141" s="7" t="s">
        <v>1779</v>
      </c>
      <c r="S141" s="7" t="s">
        <v>1780</v>
      </c>
      <c r="T141" s="7" t="s">
        <v>1774</v>
      </c>
      <c r="U141" s="7">
        <v>575001</v>
      </c>
      <c r="V141" s="8" t="s">
        <v>1781</v>
      </c>
      <c r="W141" s="8" t="s">
        <v>43</v>
      </c>
      <c r="X141" s="8" t="s">
        <v>44</v>
      </c>
      <c r="Y141" s="7" t="s">
        <v>45</v>
      </c>
      <c r="Z141" s="8" t="s">
        <v>1782</v>
      </c>
      <c r="AA141" s="8" t="s">
        <v>40</v>
      </c>
      <c r="AB141" s="8" t="s">
        <v>47</v>
      </c>
      <c r="AC141" s="7" t="s">
        <v>1783</v>
      </c>
      <c r="AD141" s="7" t="s">
        <v>1784</v>
      </c>
    </row>
    <row r="142" spans="1:30" ht="30" x14ac:dyDescent="0.25">
      <c r="A142" s="7">
        <v>139</v>
      </c>
      <c r="B142" s="8" t="s">
        <v>462</v>
      </c>
      <c r="C142" s="8" t="s">
        <v>1785</v>
      </c>
      <c r="D142" s="7" t="s">
        <v>1786</v>
      </c>
      <c r="E142" s="8" t="s">
        <v>1787</v>
      </c>
      <c r="F142" s="7">
        <v>20</v>
      </c>
      <c r="G142" s="9">
        <v>15</v>
      </c>
      <c r="H142" s="7">
        <v>0</v>
      </c>
      <c r="I142" s="7" t="s">
        <v>1057</v>
      </c>
      <c r="J142" s="7" t="s">
        <v>1788</v>
      </c>
      <c r="K142" s="7" t="s">
        <v>1789</v>
      </c>
      <c r="L142" s="7" t="s">
        <v>1790</v>
      </c>
      <c r="M142" s="7" t="s">
        <v>1791</v>
      </c>
      <c r="N142" s="7">
        <v>585222</v>
      </c>
      <c r="O142" s="8" t="s">
        <v>1792</v>
      </c>
      <c r="P142" s="7" t="s">
        <v>444</v>
      </c>
      <c r="Q142" s="7" t="s">
        <v>1793</v>
      </c>
      <c r="R142" s="7" t="s">
        <v>1794</v>
      </c>
      <c r="S142" s="7" t="s">
        <v>40</v>
      </c>
      <c r="T142" s="7" t="s">
        <v>1795</v>
      </c>
      <c r="U142" s="7">
        <v>585101</v>
      </c>
      <c r="V142" s="8" t="s">
        <v>1796</v>
      </c>
      <c r="W142" s="8" t="s">
        <v>43</v>
      </c>
      <c r="X142" s="8" t="s">
        <v>44</v>
      </c>
      <c r="Y142" s="7" t="s">
        <v>45</v>
      </c>
      <c r="Z142" s="8" t="s">
        <v>1797</v>
      </c>
      <c r="AA142" s="8" t="s">
        <v>40</v>
      </c>
      <c r="AB142" s="8" t="s">
        <v>47</v>
      </c>
      <c r="AC142" s="7" t="s">
        <v>40</v>
      </c>
      <c r="AD142" s="7" t="s">
        <v>1798</v>
      </c>
    </row>
    <row r="143" spans="1:30" x14ac:dyDescent="0.25">
      <c r="A143" s="7">
        <v>140</v>
      </c>
      <c r="B143" s="8" t="s">
        <v>936</v>
      </c>
      <c r="C143" s="8" t="s">
        <v>1799</v>
      </c>
      <c r="D143" s="7" t="s">
        <v>1800</v>
      </c>
      <c r="E143" s="8" t="s">
        <v>1801</v>
      </c>
      <c r="F143" s="7">
        <v>10</v>
      </c>
      <c r="G143" s="9">
        <v>7.5</v>
      </c>
      <c r="H143" s="7">
        <v>0</v>
      </c>
      <c r="I143" s="7" t="s">
        <v>1057</v>
      </c>
      <c r="J143" s="7" t="s">
        <v>1802</v>
      </c>
      <c r="K143" s="7" t="s">
        <v>1803</v>
      </c>
      <c r="L143" s="7" t="s">
        <v>916</v>
      </c>
      <c r="M143" s="7" t="s">
        <v>40</v>
      </c>
      <c r="N143" s="7">
        <v>600084</v>
      </c>
      <c r="O143" s="8" t="s">
        <v>1804</v>
      </c>
      <c r="P143" s="7" t="s">
        <v>1777</v>
      </c>
      <c r="Q143" s="7" t="s">
        <v>1777</v>
      </c>
      <c r="R143" s="7" t="s">
        <v>1805</v>
      </c>
      <c r="S143" s="7" t="s">
        <v>40</v>
      </c>
      <c r="T143" s="7" t="s">
        <v>1806</v>
      </c>
      <c r="U143" s="7">
        <v>600008</v>
      </c>
      <c r="V143" s="8" t="s">
        <v>1807</v>
      </c>
      <c r="W143" s="8" t="s">
        <v>43</v>
      </c>
      <c r="X143" s="8" t="s">
        <v>44</v>
      </c>
      <c r="Y143" s="7" t="s">
        <v>45</v>
      </c>
      <c r="Z143" s="8" t="s">
        <v>1808</v>
      </c>
      <c r="AA143" s="8" t="s">
        <v>1809</v>
      </c>
      <c r="AB143" s="8" t="s">
        <v>47</v>
      </c>
      <c r="AC143" s="7" t="s">
        <v>1810</v>
      </c>
      <c r="AD143" s="7" t="s">
        <v>1811</v>
      </c>
    </row>
    <row r="144" spans="1:30" x14ac:dyDescent="0.25">
      <c r="A144" s="7">
        <v>141</v>
      </c>
      <c r="B144" s="8" t="s">
        <v>1812</v>
      </c>
      <c r="C144" s="8" t="s">
        <v>1813</v>
      </c>
      <c r="D144" s="7" t="s">
        <v>1814</v>
      </c>
      <c r="E144" s="8" t="s">
        <v>1815</v>
      </c>
      <c r="F144" s="7">
        <v>100</v>
      </c>
      <c r="G144" s="9">
        <v>75</v>
      </c>
      <c r="H144" s="7">
        <v>0</v>
      </c>
      <c r="I144" s="7" t="s">
        <v>1057</v>
      </c>
      <c r="J144" s="7" t="s">
        <v>1816</v>
      </c>
      <c r="K144" s="7" t="s">
        <v>1817</v>
      </c>
      <c r="L144" s="7" t="s">
        <v>1818</v>
      </c>
      <c r="M144" s="7" t="s">
        <v>916</v>
      </c>
      <c r="N144" s="7">
        <v>600102</v>
      </c>
      <c r="O144" s="8" t="s">
        <v>1819</v>
      </c>
      <c r="P144" s="7" t="s">
        <v>1820</v>
      </c>
      <c r="Q144" s="7" t="s">
        <v>1821</v>
      </c>
      <c r="R144" s="7" t="s">
        <v>1822</v>
      </c>
      <c r="S144" s="7" t="s">
        <v>1821</v>
      </c>
      <c r="T144" s="7" t="s">
        <v>916</v>
      </c>
      <c r="U144" s="7">
        <v>600040</v>
      </c>
      <c r="V144" s="8" t="s">
        <v>40</v>
      </c>
      <c r="W144" s="8" t="s">
        <v>43</v>
      </c>
      <c r="X144" s="8" t="s">
        <v>44</v>
      </c>
      <c r="Y144" s="7" t="s">
        <v>45</v>
      </c>
      <c r="Z144" s="8" t="s">
        <v>1823</v>
      </c>
      <c r="AA144" s="8" t="s">
        <v>40</v>
      </c>
      <c r="AB144" s="8" t="s">
        <v>47</v>
      </c>
      <c r="AC144" s="7" t="s">
        <v>40</v>
      </c>
      <c r="AD144" s="7" t="s">
        <v>1824</v>
      </c>
    </row>
    <row r="145" spans="1:30" x14ac:dyDescent="0.25">
      <c r="A145" s="7">
        <v>142</v>
      </c>
      <c r="B145" s="8" t="s">
        <v>1410</v>
      </c>
      <c r="C145" s="8" t="s">
        <v>1825</v>
      </c>
      <c r="D145" s="7" t="s">
        <v>1826</v>
      </c>
      <c r="E145" s="8" t="s">
        <v>1827</v>
      </c>
      <c r="F145" s="7">
        <v>26</v>
      </c>
      <c r="G145" s="9">
        <v>19.5</v>
      </c>
      <c r="H145" s="7">
        <v>0</v>
      </c>
      <c r="I145" s="7" t="s">
        <v>1057</v>
      </c>
      <c r="J145" s="7" t="s">
        <v>1828</v>
      </c>
      <c r="K145" s="7" t="s">
        <v>1829</v>
      </c>
      <c r="L145" s="7" t="s">
        <v>1830</v>
      </c>
      <c r="M145" s="7" t="s">
        <v>1831</v>
      </c>
      <c r="N145" s="7">
        <v>641401</v>
      </c>
      <c r="O145" s="8" t="s">
        <v>1832</v>
      </c>
      <c r="P145" s="7" t="s">
        <v>1417</v>
      </c>
      <c r="Q145" s="7" t="s">
        <v>1833</v>
      </c>
      <c r="R145" s="7" t="s">
        <v>1834</v>
      </c>
      <c r="S145" s="7" t="s">
        <v>40</v>
      </c>
      <c r="T145" s="7" t="s">
        <v>1835</v>
      </c>
      <c r="U145" s="7">
        <v>641018</v>
      </c>
      <c r="V145" s="8" t="s">
        <v>1836</v>
      </c>
      <c r="W145" s="8" t="s">
        <v>43</v>
      </c>
      <c r="X145" s="8" t="s">
        <v>44</v>
      </c>
      <c r="Y145" s="7" t="s">
        <v>45</v>
      </c>
      <c r="Z145" s="8" t="s">
        <v>1837</v>
      </c>
      <c r="AA145" s="8" t="s">
        <v>40</v>
      </c>
      <c r="AB145" s="8" t="s">
        <v>47</v>
      </c>
      <c r="AC145" s="7" t="s">
        <v>1838</v>
      </c>
      <c r="AD145" s="7" t="s">
        <v>1839</v>
      </c>
    </row>
    <row r="146" spans="1:30" ht="30" x14ac:dyDescent="0.25">
      <c r="A146" s="7">
        <v>143</v>
      </c>
      <c r="B146" s="8" t="s">
        <v>1840</v>
      </c>
      <c r="C146" s="8" t="s">
        <v>1841</v>
      </c>
      <c r="D146" s="7" t="s">
        <v>1842</v>
      </c>
      <c r="E146" s="8" t="s">
        <v>1843</v>
      </c>
      <c r="F146" s="7">
        <v>10</v>
      </c>
      <c r="G146" s="9">
        <v>7.5</v>
      </c>
      <c r="H146" s="7">
        <v>0</v>
      </c>
      <c r="I146" s="7" t="s">
        <v>1057</v>
      </c>
      <c r="J146" s="7" t="s">
        <v>1844</v>
      </c>
      <c r="K146" s="7" t="s">
        <v>1845</v>
      </c>
      <c r="L146" s="7" t="s">
        <v>1846</v>
      </c>
      <c r="M146" s="7" t="s">
        <v>1847</v>
      </c>
      <c r="N146" s="7">
        <v>673572</v>
      </c>
      <c r="O146" s="8" t="s">
        <v>1848</v>
      </c>
      <c r="P146" s="7" t="s">
        <v>444</v>
      </c>
      <c r="Q146" s="7" t="s">
        <v>1849</v>
      </c>
      <c r="R146" s="7" t="s">
        <v>1850</v>
      </c>
      <c r="S146" s="7" t="s">
        <v>1755</v>
      </c>
      <c r="T146" s="7" t="s">
        <v>1154</v>
      </c>
      <c r="U146" s="7">
        <v>560003</v>
      </c>
      <c r="V146" s="8" t="s">
        <v>1851</v>
      </c>
      <c r="W146" s="8" t="s">
        <v>43</v>
      </c>
      <c r="X146" s="8" t="s">
        <v>44</v>
      </c>
      <c r="Y146" s="7" t="s">
        <v>45</v>
      </c>
      <c r="Z146" s="8" t="s">
        <v>1852</v>
      </c>
      <c r="AA146" s="8" t="s">
        <v>40</v>
      </c>
      <c r="AB146" s="8" t="s">
        <v>47</v>
      </c>
      <c r="AC146" s="7" t="s">
        <v>1853</v>
      </c>
      <c r="AD146" s="7" t="s">
        <v>1854</v>
      </c>
    </row>
    <row r="147" spans="1:30" x14ac:dyDescent="0.25">
      <c r="A147" s="7">
        <v>144</v>
      </c>
      <c r="B147" s="8" t="s">
        <v>936</v>
      </c>
      <c r="C147" s="8" t="s">
        <v>1855</v>
      </c>
      <c r="D147" s="7" t="s">
        <v>1856</v>
      </c>
      <c r="E147" s="8" t="s">
        <v>1857</v>
      </c>
      <c r="F147" s="7">
        <v>5</v>
      </c>
      <c r="G147" s="9">
        <v>3.75</v>
      </c>
      <c r="H147" s="7">
        <v>0</v>
      </c>
      <c r="I147" s="7" t="s">
        <v>1057</v>
      </c>
      <c r="J147" s="7" t="s">
        <v>1858</v>
      </c>
      <c r="K147" s="7" t="s">
        <v>1859</v>
      </c>
      <c r="L147" s="7" t="s">
        <v>1860</v>
      </c>
      <c r="M147" s="7" t="s">
        <v>1861</v>
      </c>
      <c r="N147" s="7">
        <v>680004</v>
      </c>
      <c r="O147" s="8" t="s">
        <v>1862</v>
      </c>
      <c r="P147" s="7" t="s">
        <v>38</v>
      </c>
      <c r="Q147" s="7" t="s">
        <v>1863</v>
      </c>
      <c r="R147" s="7" t="s">
        <v>1864</v>
      </c>
      <c r="S147" s="7" t="s">
        <v>1861</v>
      </c>
      <c r="T147" s="7" t="s">
        <v>1861</v>
      </c>
      <c r="U147" s="7">
        <v>680001</v>
      </c>
      <c r="V147" s="8" t="s">
        <v>1865</v>
      </c>
      <c r="W147" s="8" t="s">
        <v>43</v>
      </c>
      <c r="X147" s="8" t="s">
        <v>44</v>
      </c>
      <c r="Y147" s="7" t="s">
        <v>45</v>
      </c>
      <c r="Z147" s="8" t="s">
        <v>1866</v>
      </c>
      <c r="AA147" s="8" t="s">
        <v>40</v>
      </c>
      <c r="AB147" s="8" t="s">
        <v>47</v>
      </c>
      <c r="AC147" s="7" t="s">
        <v>1867</v>
      </c>
      <c r="AD147" s="7" t="s">
        <v>1868</v>
      </c>
    </row>
    <row r="148" spans="1:30" x14ac:dyDescent="0.25">
      <c r="A148" s="7">
        <v>145</v>
      </c>
      <c r="B148" s="8" t="s">
        <v>1497</v>
      </c>
      <c r="C148" s="8" t="s">
        <v>1869</v>
      </c>
      <c r="D148" s="7" t="s">
        <v>1870</v>
      </c>
      <c r="E148" s="8" t="s">
        <v>1871</v>
      </c>
      <c r="F148" s="7">
        <v>5</v>
      </c>
      <c r="G148" s="9">
        <v>3.75</v>
      </c>
      <c r="H148" s="7">
        <v>0</v>
      </c>
      <c r="I148" s="7" t="s">
        <v>1057</v>
      </c>
      <c r="J148" s="7" t="s">
        <v>1872</v>
      </c>
      <c r="K148" s="7" t="s">
        <v>1873</v>
      </c>
      <c r="L148" s="7" t="s">
        <v>1874</v>
      </c>
      <c r="M148" s="7" t="s">
        <v>1875</v>
      </c>
      <c r="N148" s="7">
        <v>682033</v>
      </c>
      <c r="O148" s="8" t="s">
        <v>1876</v>
      </c>
      <c r="P148" s="7" t="s">
        <v>38</v>
      </c>
      <c r="Q148" s="7" t="s">
        <v>1877</v>
      </c>
      <c r="R148" s="7" t="s">
        <v>1878</v>
      </c>
      <c r="S148" s="7" t="s">
        <v>1879</v>
      </c>
      <c r="T148" s="7" t="s">
        <v>1880</v>
      </c>
      <c r="U148" s="7">
        <v>682036</v>
      </c>
      <c r="V148" s="8" t="s">
        <v>1881</v>
      </c>
      <c r="W148" s="8" t="s">
        <v>43</v>
      </c>
      <c r="X148" s="8" t="s">
        <v>44</v>
      </c>
      <c r="Y148" s="7" t="s">
        <v>45</v>
      </c>
      <c r="Z148" s="8" t="s">
        <v>40</v>
      </c>
      <c r="AA148" s="8" t="s">
        <v>40</v>
      </c>
      <c r="AB148" s="8" t="s">
        <v>47</v>
      </c>
      <c r="AC148" s="7" t="s">
        <v>1882</v>
      </c>
      <c r="AD148" s="7" t="s">
        <v>1883</v>
      </c>
    </row>
    <row r="149" spans="1:30" x14ac:dyDescent="0.25">
      <c r="A149" s="7">
        <v>146</v>
      </c>
      <c r="B149" s="8" t="s">
        <v>1884</v>
      </c>
      <c r="C149" s="8" t="s">
        <v>1885</v>
      </c>
      <c r="D149" s="7" t="s">
        <v>1886</v>
      </c>
      <c r="E149" s="8" t="s">
        <v>1887</v>
      </c>
      <c r="F149" s="7">
        <v>50</v>
      </c>
      <c r="G149" s="9">
        <v>37.5</v>
      </c>
      <c r="H149" s="7">
        <v>0</v>
      </c>
      <c r="I149" s="7" t="s">
        <v>1057</v>
      </c>
      <c r="J149" s="7" t="s">
        <v>1888</v>
      </c>
      <c r="K149" s="7" t="s">
        <v>1889</v>
      </c>
      <c r="L149" s="7" t="s">
        <v>1890</v>
      </c>
      <c r="M149" s="7" t="s">
        <v>1891</v>
      </c>
      <c r="N149" s="7">
        <v>700014</v>
      </c>
      <c r="O149" s="8" t="s">
        <v>1892</v>
      </c>
      <c r="P149" s="7" t="s">
        <v>1893</v>
      </c>
      <c r="Q149" s="7" t="s">
        <v>1894</v>
      </c>
      <c r="R149" s="7" t="s">
        <v>40</v>
      </c>
      <c r="S149" s="7" t="s">
        <v>40</v>
      </c>
      <c r="T149" s="7" t="s">
        <v>1895</v>
      </c>
      <c r="U149" s="7">
        <v>700001</v>
      </c>
      <c r="V149" s="8" t="s">
        <v>1896</v>
      </c>
      <c r="W149" s="8" t="s">
        <v>43</v>
      </c>
      <c r="X149" s="8" t="s">
        <v>44</v>
      </c>
      <c r="Y149" s="7" t="s">
        <v>45</v>
      </c>
      <c r="Z149" s="8" t="s">
        <v>1897</v>
      </c>
      <c r="AA149" s="8" t="s">
        <v>40</v>
      </c>
      <c r="AB149" s="8" t="s">
        <v>47</v>
      </c>
      <c r="AC149" s="7" t="s">
        <v>40</v>
      </c>
      <c r="AD149" s="7" t="s">
        <v>1898</v>
      </c>
    </row>
    <row r="150" spans="1:30" x14ac:dyDescent="0.25">
      <c r="A150" s="7">
        <v>147</v>
      </c>
      <c r="B150" s="8" t="s">
        <v>965</v>
      </c>
      <c r="C150" s="8" t="s">
        <v>1899</v>
      </c>
      <c r="D150" s="7" t="s">
        <v>1900</v>
      </c>
      <c r="E150" s="8" t="s">
        <v>1901</v>
      </c>
      <c r="F150" s="7">
        <v>30</v>
      </c>
      <c r="G150" s="9">
        <v>22.5</v>
      </c>
      <c r="H150" s="7">
        <v>0</v>
      </c>
      <c r="I150" s="7" t="s">
        <v>1057</v>
      </c>
      <c r="J150" s="7" t="s">
        <v>1902</v>
      </c>
      <c r="K150" s="7" t="s">
        <v>1903</v>
      </c>
      <c r="L150" s="7" t="s">
        <v>1904</v>
      </c>
      <c r="M150" s="7" t="s">
        <v>1895</v>
      </c>
      <c r="N150" s="7">
        <v>700030</v>
      </c>
      <c r="O150" s="8" t="s">
        <v>1905</v>
      </c>
      <c r="P150" s="7" t="s">
        <v>38</v>
      </c>
      <c r="Q150" s="7" t="s">
        <v>1906</v>
      </c>
      <c r="R150" s="7" t="s">
        <v>1904</v>
      </c>
      <c r="S150" s="7" t="s">
        <v>1895</v>
      </c>
      <c r="T150" s="7" t="s">
        <v>1895</v>
      </c>
      <c r="U150" s="7">
        <v>700028</v>
      </c>
      <c r="V150" s="8" t="s">
        <v>1907</v>
      </c>
      <c r="W150" s="8" t="s">
        <v>43</v>
      </c>
      <c r="X150" s="8" t="s">
        <v>44</v>
      </c>
      <c r="Y150" s="7" t="s">
        <v>45</v>
      </c>
      <c r="Z150" s="8" t="s">
        <v>1908</v>
      </c>
      <c r="AA150" s="8" t="s">
        <v>40</v>
      </c>
      <c r="AB150" s="8" t="s">
        <v>47</v>
      </c>
      <c r="AC150" s="7" t="s">
        <v>40</v>
      </c>
      <c r="AD150" s="7" t="s">
        <v>1909</v>
      </c>
    </row>
    <row r="151" spans="1:30" x14ac:dyDescent="0.25">
      <c r="A151" s="7">
        <v>148</v>
      </c>
      <c r="B151" s="8" t="s">
        <v>965</v>
      </c>
      <c r="C151" s="8" t="s">
        <v>1910</v>
      </c>
      <c r="D151" s="7" t="s">
        <v>1911</v>
      </c>
      <c r="E151" s="8" t="s">
        <v>1912</v>
      </c>
      <c r="F151" s="7">
        <v>2</v>
      </c>
      <c r="G151" s="9">
        <v>1.5</v>
      </c>
      <c r="H151" s="7">
        <v>0</v>
      </c>
      <c r="I151" s="7" t="s">
        <v>1057</v>
      </c>
      <c r="J151" s="7" t="s">
        <v>1913</v>
      </c>
      <c r="K151" s="7" t="s">
        <v>1914</v>
      </c>
      <c r="L151" s="7" t="s">
        <v>1915</v>
      </c>
      <c r="M151" s="7" t="s">
        <v>1916</v>
      </c>
      <c r="N151" s="7">
        <v>700125</v>
      </c>
      <c r="O151" s="8" t="s">
        <v>1917</v>
      </c>
      <c r="P151" s="7" t="s">
        <v>792</v>
      </c>
      <c r="Q151" s="7" t="s">
        <v>1918</v>
      </c>
      <c r="R151" s="7" t="s">
        <v>1915</v>
      </c>
      <c r="S151" s="7" t="s">
        <v>1916</v>
      </c>
      <c r="T151" s="7" t="s">
        <v>1916</v>
      </c>
      <c r="U151" s="7">
        <v>700124</v>
      </c>
      <c r="V151" s="8" t="s">
        <v>1919</v>
      </c>
      <c r="W151" s="8" t="s">
        <v>43</v>
      </c>
      <c r="X151" s="8" t="s">
        <v>44</v>
      </c>
      <c r="Y151" s="7" t="s">
        <v>45</v>
      </c>
      <c r="Z151" s="8" t="s">
        <v>1920</v>
      </c>
      <c r="AA151" s="8" t="s">
        <v>40</v>
      </c>
      <c r="AB151" s="8" t="s">
        <v>47</v>
      </c>
      <c r="AC151" s="7" t="s">
        <v>40</v>
      </c>
      <c r="AD151" s="7" t="s">
        <v>40</v>
      </c>
    </row>
    <row r="152" spans="1:30" x14ac:dyDescent="0.25">
      <c r="A152" s="7">
        <v>149</v>
      </c>
      <c r="B152" s="8" t="s">
        <v>1526</v>
      </c>
      <c r="C152" s="8" t="s">
        <v>1921</v>
      </c>
      <c r="D152" s="7" t="s">
        <v>1922</v>
      </c>
      <c r="E152" s="8" t="s">
        <v>1923</v>
      </c>
      <c r="F152" s="7">
        <v>2</v>
      </c>
      <c r="G152" s="9">
        <v>1.5</v>
      </c>
      <c r="H152" s="7">
        <v>0</v>
      </c>
      <c r="I152" s="7" t="s">
        <v>1057</v>
      </c>
      <c r="J152" s="7" t="s">
        <v>1924</v>
      </c>
      <c r="K152" s="7" t="s">
        <v>1925</v>
      </c>
      <c r="L152" s="7" t="s">
        <v>1926</v>
      </c>
      <c r="M152" s="7" t="s">
        <v>1927</v>
      </c>
      <c r="N152" s="7">
        <v>751007</v>
      </c>
      <c r="O152" s="8" t="s">
        <v>1928</v>
      </c>
      <c r="P152" s="7" t="s">
        <v>1417</v>
      </c>
      <c r="Q152" s="7" t="s">
        <v>1929</v>
      </c>
      <c r="R152" s="7" t="s">
        <v>1930</v>
      </c>
      <c r="S152" s="7" t="s">
        <v>1931</v>
      </c>
      <c r="T152" s="7" t="s">
        <v>1932</v>
      </c>
      <c r="U152" s="7">
        <v>751001</v>
      </c>
      <c r="V152" s="8" t="s">
        <v>1933</v>
      </c>
      <c r="W152" s="8" t="s">
        <v>43</v>
      </c>
      <c r="X152" s="8" t="s">
        <v>44</v>
      </c>
      <c r="Y152" s="7" t="s">
        <v>45</v>
      </c>
      <c r="Z152" s="8" t="s">
        <v>1934</v>
      </c>
      <c r="AA152" s="8" t="s">
        <v>40</v>
      </c>
      <c r="AB152" s="8" t="s">
        <v>47</v>
      </c>
      <c r="AC152" s="7" t="s">
        <v>1935</v>
      </c>
      <c r="AD152" s="7" t="s">
        <v>40</v>
      </c>
    </row>
    <row r="153" spans="1:30" x14ac:dyDescent="0.25">
      <c r="A153" s="7">
        <v>150</v>
      </c>
      <c r="B153" s="8" t="s">
        <v>989</v>
      </c>
      <c r="C153" s="8" t="s">
        <v>1936</v>
      </c>
      <c r="D153" s="7" t="s">
        <v>1937</v>
      </c>
      <c r="E153" s="8" t="s">
        <v>1938</v>
      </c>
      <c r="F153" s="7">
        <v>20</v>
      </c>
      <c r="G153" s="9">
        <v>15</v>
      </c>
      <c r="H153" s="7">
        <v>0</v>
      </c>
      <c r="I153" s="7" t="s">
        <v>1057</v>
      </c>
      <c r="J153" s="7" t="s">
        <v>1939</v>
      </c>
      <c r="K153" s="7" t="s">
        <v>1940</v>
      </c>
      <c r="L153" s="7" t="s">
        <v>1941</v>
      </c>
      <c r="M153" s="7" t="s">
        <v>1942</v>
      </c>
      <c r="N153" s="7">
        <v>781001</v>
      </c>
      <c r="O153" s="8" t="s">
        <v>1943</v>
      </c>
      <c r="P153" s="7" t="s">
        <v>974</v>
      </c>
      <c r="Q153" s="7" t="s">
        <v>974</v>
      </c>
      <c r="R153" s="7" t="s">
        <v>1944</v>
      </c>
      <c r="S153" s="7" t="s">
        <v>1941</v>
      </c>
      <c r="T153" s="7" t="s">
        <v>1942</v>
      </c>
      <c r="U153" s="7">
        <v>781001</v>
      </c>
      <c r="V153" s="8" t="s">
        <v>1945</v>
      </c>
      <c r="W153" s="8" t="s">
        <v>43</v>
      </c>
      <c r="X153" s="8" t="s">
        <v>44</v>
      </c>
      <c r="Y153" s="7" t="s">
        <v>45</v>
      </c>
      <c r="Z153" s="8" t="s">
        <v>1946</v>
      </c>
      <c r="AA153" s="8" t="s">
        <v>40</v>
      </c>
      <c r="AB153" s="8" t="s">
        <v>47</v>
      </c>
      <c r="AC153" s="7" t="s">
        <v>40</v>
      </c>
      <c r="AD153" s="7" t="s">
        <v>1947</v>
      </c>
    </row>
    <row r="154" spans="1:30" x14ac:dyDescent="0.25">
      <c r="A154" s="7">
        <v>151</v>
      </c>
      <c r="B154" s="8" t="s">
        <v>1948</v>
      </c>
      <c r="C154" s="8" t="s">
        <v>1949</v>
      </c>
      <c r="D154" s="7" t="s">
        <v>1950</v>
      </c>
      <c r="E154" s="8" t="s">
        <v>1951</v>
      </c>
      <c r="F154" s="7">
        <v>50</v>
      </c>
      <c r="G154" s="9">
        <v>37.5</v>
      </c>
      <c r="H154" s="7">
        <v>0</v>
      </c>
      <c r="I154" s="7" t="s">
        <v>1057</v>
      </c>
      <c r="J154" s="7" t="s">
        <v>1952</v>
      </c>
      <c r="K154" s="7" t="s">
        <v>1953</v>
      </c>
      <c r="L154" s="7" t="s">
        <v>1954</v>
      </c>
      <c r="M154" s="7" t="s">
        <v>1955</v>
      </c>
      <c r="N154" s="7">
        <v>800001</v>
      </c>
      <c r="O154" s="8" t="s">
        <v>1956</v>
      </c>
      <c r="P154" s="7" t="s">
        <v>38</v>
      </c>
      <c r="Q154" s="7" t="s">
        <v>1957</v>
      </c>
      <c r="R154" s="7" t="s">
        <v>40</v>
      </c>
      <c r="S154" s="7" t="s">
        <v>40</v>
      </c>
      <c r="T154" s="7" t="s">
        <v>1955</v>
      </c>
      <c r="U154" s="7">
        <v>800001</v>
      </c>
      <c r="V154" s="8" t="s">
        <v>1958</v>
      </c>
      <c r="W154" s="8" t="s">
        <v>43</v>
      </c>
      <c r="X154" s="8" t="s">
        <v>44</v>
      </c>
      <c r="Y154" s="7" t="s">
        <v>45</v>
      </c>
      <c r="Z154" s="8" t="s">
        <v>1959</v>
      </c>
      <c r="AA154" s="8" t="s">
        <v>40</v>
      </c>
      <c r="AB154" s="8" t="s">
        <v>47</v>
      </c>
      <c r="AC154" s="7" t="s">
        <v>1960</v>
      </c>
      <c r="AD154" s="7" t="s">
        <v>1961</v>
      </c>
    </row>
    <row r="155" spans="1:30" ht="30" x14ac:dyDescent="0.25">
      <c r="A155" s="7">
        <v>152</v>
      </c>
      <c r="B155" s="8" t="s">
        <v>1497</v>
      </c>
      <c r="C155" s="8" t="s">
        <v>1962</v>
      </c>
      <c r="D155" s="7" t="s">
        <v>1963</v>
      </c>
      <c r="E155" s="8" t="s">
        <v>1964</v>
      </c>
      <c r="F155" s="7">
        <v>5</v>
      </c>
      <c r="G155" s="9">
        <v>3.75</v>
      </c>
      <c r="H155" s="7">
        <v>0</v>
      </c>
      <c r="I155" s="7" t="s">
        <v>1965</v>
      </c>
      <c r="J155" s="7" t="s">
        <v>1966</v>
      </c>
      <c r="K155" s="7" t="s">
        <v>1967</v>
      </c>
      <c r="L155" s="7" t="s">
        <v>1968</v>
      </c>
      <c r="M155" s="7" t="s">
        <v>1968</v>
      </c>
      <c r="N155" s="7">
        <v>100000</v>
      </c>
      <c r="O155" s="8" t="s">
        <v>1969</v>
      </c>
      <c r="P155" s="7" t="s">
        <v>1970</v>
      </c>
      <c r="Q155" s="7" t="s">
        <v>1971</v>
      </c>
      <c r="R155" s="7" t="s">
        <v>1861</v>
      </c>
      <c r="S155" s="7" t="s">
        <v>1861</v>
      </c>
      <c r="T155" s="7" t="s">
        <v>1861</v>
      </c>
      <c r="U155" s="7">
        <v>680584</v>
      </c>
      <c r="V155" s="8" t="s">
        <v>1972</v>
      </c>
      <c r="W155" s="8" t="s">
        <v>43</v>
      </c>
      <c r="X155" s="8" t="s">
        <v>44</v>
      </c>
      <c r="Y155" s="7" t="s">
        <v>45</v>
      </c>
      <c r="Z155" s="8" t="s">
        <v>1973</v>
      </c>
      <c r="AA155" s="8" t="s">
        <v>40</v>
      </c>
      <c r="AB155" s="8" t="s">
        <v>47</v>
      </c>
      <c r="AC155" s="7" t="s">
        <v>1974</v>
      </c>
      <c r="AD155" s="7" t="s">
        <v>1975</v>
      </c>
    </row>
    <row r="156" spans="1:30" x14ac:dyDescent="0.25">
      <c r="A156" s="7">
        <v>153</v>
      </c>
      <c r="B156" s="8" t="s">
        <v>1976</v>
      </c>
      <c r="C156" s="8" t="s">
        <v>1977</v>
      </c>
      <c r="D156" s="7" t="s">
        <v>1978</v>
      </c>
      <c r="E156" s="8" t="s">
        <v>1979</v>
      </c>
      <c r="F156" s="7">
        <v>20</v>
      </c>
      <c r="G156" s="9">
        <v>15</v>
      </c>
      <c r="H156" s="7">
        <v>0</v>
      </c>
      <c r="I156" s="7" t="s">
        <v>1965</v>
      </c>
      <c r="J156" s="7" t="s">
        <v>1980</v>
      </c>
      <c r="K156" s="7" t="s">
        <v>1981</v>
      </c>
      <c r="L156" s="7" t="s">
        <v>1982</v>
      </c>
      <c r="M156" s="7" t="s">
        <v>36</v>
      </c>
      <c r="N156" s="7">
        <v>110006</v>
      </c>
      <c r="O156" s="8" t="s">
        <v>1983</v>
      </c>
      <c r="P156" s="7" t="s">
        <v>1984</v>
      </c>
      <c r="Q156" s="7" t="s">
        <v>1984</v>
      </c>
      <c r="R156" s="7" t="s">
        <v>40</v>
      </c>
      <c r="S156" s="7" t="s">
        <v>1982</v>
      </c>
      <c r="T156" s="7" t="s">
        <v>36</v>
      </c>
      <c r="U156" s="7">
        <v>110006</v>
      </c>
      <c r="V156" s="8" t="s">
        <v>1985</v>
      </c>
      <c r="W156" s="8" t="s">
        <v>43</v>
      </c>
      <c r="X156" s="8" t="s">
        <v>44</v>
      </c>
      <c r="Y156" s="7" t="s">
        <v>45</v>
      </c>
      <c r="Z156" s="8" t="s">
        <v>40</v>
      </c>
      <c r="AA156" s="8" t="s">
        <v>40</v>
      </c>
      <c r="AB156" s="8" t="s">
        <v>47</v>
      </c>
      <c r="AC156" s="7" t="s">
        <v>1986</v>
      </c>
      <c r="AD156" s="7" t="s">
        <v>1987</v>
      </c>
    </row>
    <row r="157" spans="1:30" x14ac:dyDescent="0.25">
      <c r="A157" s="7">
        <v>154</v>
      </c>
      <c r="B157" s="8" t="s">
        <v>1988</v>
      </c>
      <c r="C157" s="8" t="s">
        <v>1989</v>
      </c>
      <c r="D157" s="7" t="s">
        <v>1990</v>
      </c>
      <c r="E157" s="8" t="s">
        <v>1991</v>
      </c>
      <c r="F157" s="7">
        <v>50</v>
      </c>
      <c r="G157" s="9">
        <v>37.5</v>
      </c>
      <c r="H157" s="7">
        <v>0</v>
      </c>
      <c r="I157" s="7" t="s">
        <v>1965</v>
      </c>
      <c r="J157" s="7">
        <v>7159</v>
      </c>
      <c r="K157" s="7" t="s">
        <v>1992</v>
      </c>
      <c r="L157" s="7" t="s">
        <v>1993</v>
      </c>
      <c r="M157" s="7" t="s">
        <v>36</v>
      </c>
      <c r="N157" s="7">
        <v>110006</v>
      </c>
      <c r="O157" s="8" t="s">
        <v>1994</v>
      </c>
      <c r="P157" s="7" t="s">
        <v>38</v>
      </c>
      <c r="Q157" s="7" t="s">
        <v>1995</v>
      </c>
      <c r="R157" s="7" t="s">
        <v>40</v>
      </c>
      <c r="S157" s="7" t="s">
        <v>41</v>
      </c>
      <c r="T157" s="7" t="s">
        <v>36</v>
      </c>
      <c r="U157" s="7">
        <v>110006</v>
      </c>
      <c r="V157" s="8" t="s">
        <v>1996</v>
      </c>
      <c r="W157" s="8" t="s">
        <v>43</v>
      </c>
      <c r="X157" s="8" t="s">
        <v>44</v>
      </c>
      <c r="Y157" s="7" t="s">
        <v>45</v>
      </c>
      <c r="Z157" s="8" t="s">
        <v>40</v>
      </c>
      <c r="AA157" s="8" t="s">
        <v>40</v>
      </c>
      <c r="AB157" s="8" t="s">
        <v>47</v>
      </c>
      <c r="AC157" s="7" t="s">
        <v>40</v>
      </c>
      <c r="AD157" s="7" t="s">
        <v>1997</v>
      </c>
    </row>
    <row r="158" spans="1:30" x14ac:dyDescent="0.25">
      <c r="A158" s="7">
        <v>155</v>
      </c>
      <c r="B158" s="8" t="s">
        <v>1988</v>
      </c>
      <c r="C158" s="8" t="s">
        <v>1998</v>
      </c>
      <c r="D158" s="7" t="s">
        <v>1999</v>
      </c>
      <c r="E158" s="8" t="s">
        <v>2000</v>
      </c>
      <c r="F158" s="7">
        <v>50</v>
      </c>
      <c r="G158" s="9">
        <v>37.5</v>
      </c>
      <c r="H158" s="7">
        <v>0</v>
      </c>
      <c r="I158" s="7" t="s">
        <v>1965</v>
      </c>
      <c r="J158" s="7">
        <v>7159</v>
      </c>
      <c r="K158" s="7" t="s">
        <v>1992</v>
      </c>
      <c r="L158" s="7" t="s">
        <v>1993</v>
      </c>
      <c r="M158" s="7" t="s">
        <v>36</v>
      </c>
      <c r="N158" s="7">
        <v>110006</v>
      </c>
      <c r="O158" s="8" t="s">
        <v>2001</v>
      </c>
      <c r="P158" s="7" t="s">
        <v>38</v>
      </c>
      <c r="Q158" s="7" t="s">
        <v>1995</v>
      </c>
      <c r="R158" s="7" t="s">
        <v>1995</v>
      </c>
      <c r="S158" s="7" t="s">
        <v>41</v>
      </c>
      <c r="T158" s="7" t="s">
        <v>36</v>
      </c>
      <c r="U158" s="7">
        <v>110006</v>
      </c>
      <c r="V158" s="8" t="s">
        <v>1996</v>
      </c>
      <c r="W158" s="8" t="s">
        <v>43</v>
      </c>
      <c r="X158" s="8" t="s">
        <v>44</v>
      </c>
      <c r="Y158" s="7" t="s">
        <v>45</v>
      </c>
      <c r="Z158" s="8" t="s">
        <v>40</v>
      </c>
      <c r="AA158" s="8" t="s">
        <v>40</v>
      </c>
      <c r="AB158" s="8" t="s">
        <v>47</v>
      </c>
      <c r="AC158" s="7" t="s">
        <v>40</v>
      </c>
      <c r="AD158" s="7" t="s">
        <v>2002</v>
      </c>
    </row>
    <row r="159" spans="1:30" x14ac:dyDescent="0.25">
      <c r="A159" s="7">
        <v>156</v>
      </c>
      <c r="B159" s="8" t="s">
        <v>644</v>
      </c>
      <c r="C159" s="8" t="s">
        <v>2003</v>
      </c>
      <c r="D159" s="7" t="s">
        <v>2004</v>
      </c>
      <c r="E159" s="8" t="s">
        <v>2005</v>
      </c>
      <c r="F159" s="7">
        <v>50</v>
      </c>
      <c r="G159" s="9">
        <v>37.5</v>
      </c>
      <c r="H159" s="7">
        <v>0</v>
      </c>
      <c r="I159" s="7" t="s">
        <v>1965</v>
      </c>
      <c r="J159" s="7" t="s">
        <v>2006</v>
      </c>
      <c r="K159" s="7" t="s">
        <v>2007</v>
      </c>
      <c r="L159" s="7" t="s">
        <v>2008</v>
      </c>
      <c r="M159" s="7" t="s">
        <v>36</v>
      </c>
      <c r="N159" s="7">
        <v>110006</v>
      </c>
      <c r="O159" s="8" t="s">
        <v>2009</v>
      </c>
      <c r="P159" s="7" t="s">
        <v>405</v>
      </c>
      <c r="Q159" s="7" t="s">
        <v>2010</v>
      </c>
      <c r="R159" s="7" t="s">
        <v>40</v>
      </c>
      <c r="S159" s="7" t="s">
        <v>40</v>
      </c>
      <c r="T159" s="7" t="s">
        <v>36</v>
      </c>
      <c r="U159" s="7">
        <v>110006</v>
      </c>
      <c r="V159" s="8" t="s">
        <v>2011</v>
      </c>
      <c r="W159" s="8" t="s">
        <v>43</v>
      </c>
      <c r="X159" s="8" t="s">
        <v>44</v>
      </c>
      <c r="Y159" s="7" t="s">
        <v>45</v>
      </c>
      <c r="Z159" s="8" t="s">
        <v>2012</v>
      </c>
      <c r="AA159" s="8" t="s">
        <v>40</v>
      </c>
      <c r="AB159" s="8" t="s">
        <v>47</v>
      </c>
      <c r="AC159" s="7" t="s">
        <v>40</v>
      </c>
      <c r="AD159" s="7" t="s">
        <v>2013</v>
      </c>
    </row>
    <row r="160" spans="1:30" x14ac:dyDescent="0.25">
      <c r="A160" s="7">
        <v>157</v>
      </c>
      <c r="B160" s="8" t="s">
        <v>88</v>
      </c>
      <c r="C160" s="8" t="s">
        <v>2014</v>
      </c>
      <c r="D160" s="7" t="s">
        <v>2015</v>
      </c>
      <c r="E160" s="8" t="s">
        <v>2016</v>
      </c>
      <c r="F160" s="7">
        <v>50</v>
      </c>
      <c r="G160" s="9">
        <v>37.5</v>
      </c>
      <c r="H160" s="7">
        <v>0</v>
      </c>
      <c r="I160" s="7" t="s">
        <v>1965</v>
      </c>
      <c r="J160" s="7">
        <v>1046</v>
      </c>
      <c r="K160" s="7" t="s">
        <v>2017</v>
      </c>
      <c r="L160" s="7" t="s">
        <v>2018</v>
      </c>
      <c r="M160" s="7" t="s">
        <v>36</v>
      </c>
      <c r="N160" s="7">
        <v>110006</v>
      </c>
      <c r="O160" s="8" t="s">
        <v>2019</v>
      </c>
      <c r="P160" s="7" t="s">
        <v>369</v>
      </c>
      <c r="Q160" s="7" t="s">
        <v>41</v>
      </c>
      <c r="R160" s="7" t="s">
        <v>60</v>
      </c>
      <c r="S160" s="7" t="s">
        <v>40</v>
      </c>
      <c r="T160" s="7" t="s">
        <v>36</v>
      </c>
      <c r="U160" s="7">
        <v>110006</v>
      </c>
      <c r="V160" s="8" t="s">
        <v>2020</v>
      </c>
      <c r="W160" s="8" t="s">
        <v>43</v>
      </c>
      <c r="X160" s="8" t="s">
        <v>44</v>
      </c>
      <c r="Y160" s="7" t="s">
        <v>45</v>
      </c>
      <c r="Z160" s="8" t="s">
        <v>46</v>
      </c>
      <c r="AA160" s="8" t="s">
        <v>40</v>
      </c>
      <c r="AB160" s="8" t="s">
        <v>47</v>
      </c>
      <c r="AC160" s="7" t="s">
        <v>40</v>
      </c>
      <c r="AD160" s="7" t="s">
        <v>2021</v>
      </c>
    </row>
    <row r="161" spans="1:30" x14ac:dyDescent="0.25">
      <c r="A161" s="7">
        <v>158</v>
      </c>
      <c r="B161" s="8" t="s">
        <v>644</v>
      </c>
      <c r="C161" s="8" t="s">
        <v>2022</v>
      </c>
      <c r="D161" s="7" t="s">
        <v>1029</v>
      </c>
      <c r="E161" s="8" t="s">
        <v>2023</v>
      </c>
      <c r="F161" s="7">
        <v>150</v>
      </c>
      <c r="G161" s="9">
        <v>112.5</v>
      </c>
      <c r="H161" s="7">
        <v>0</v>
      </c>
      <c r="I161" s="7" t="s">
        <v>1965</v>
      </c>
      <c r="J161" s="7" t="s">
        <v>2024</v>
      </c>
      <c r="K161" s="7" t="s">
        <v>2025</v>
      </c>
      <c r="L161" s="7" t="s">
        <v>2026</v>
      </c>
      <c r="M161" s="7" t="s">
        <v>60</v>
      </c>
      <c r="N161" s="7">
        <v>110017</v>
      </c>
      <c r="O161" s="8" t="s">
        <v>2027</v>
      </c>
      <c r="P161" s="7" t="s">
        <v>1984</v>
      </c>
      <c r="Q161" s="7" t="s">
        <v>2028</v>
      </c>
      <c r="R161" s="7" t="s">
        <v>40</v>
      </c>
      <c r="S161" s="7" t="s">
        <v>40</v>
      </c>
      <c r="T161" s="7" t="s">
        <v>36</v>
      </c>
      <c r="U161" s="7">
        <v>110017</v>
      </c>
      <c r="V161" s="8" t="s">
        <v>2029</v>
      </c>
      <c r="W161" s="8" t="s">
        <v>43</v>
      </c>
      <c r="X161" s="8" t="s">
        <v>44</v>
      </c>
      <c r="Y161" s="7" t="s">
        <v>45</v>
      </c>
      <c r="Z161" s="8" t="s">
        <v>2030</v>
      </c>
      <c r="AA161" s="8" t="s">
        <v>40</v>
      </c>
      <c r="AB161" s="8" t="s">
        <v>47</v>
      </c>
      <c r="AC161" s="7" t="s">
        <v>40</v>
      </c>
      <c r="AD161" s="7" t="s">
        <v>2031</v>
      </c>
    </row>
    <row r="162" spans="1:30" x14ac:dyDescent="0.25">
      <c r="A162" s="7">
        <v>159</v>
      </c>
      <c r="B162" s="8" t="s">
        <v>2032</v>
      </c>
      <c r="C162" s="8" t="s">
        <v>2033</v>
      </c>
      <c r="D162" s="7" t="s">
        <v>2034</v>
      </c>
      <c r="E162" s="8" t="s">
        <v>2035</v>
      </c>
      <c r="F162" s="7">
        <v>50</v>
      </c>
      <c r="G162" s="9">
        <v>37.5</v>
      </c>
      <c r="H162" s="7">
        <v>0</v>
      </c>
      <c r="I162" s="7" t="s">
        <v>1965</v>
      </c>
      <c r="J162" s="7" t="s">
        <v>2036</v>
      </c>
      <c r="K162" s="7" t="s">
        <v>2037</v>
      </c>
      <c r="L162" s="7" t="s">
        <v>2038</v>
      </c>
      <c r="M162" s="7" t="s">
        <v>2039</v>
      </c>
      <c r="N162" s="7">
        <v>110018</v>
      </c>
      <c r="O162" s="8" t="s">
        <v>2040</v>
      </c>
      <c r="P162" s="7" t="s">
        <v>1984</v>
      </c>
      <c r="Q162" s="7" t="s">
        <v>2041</v>
      </c>
      <c r="R162" s="7" t="s">
        <v>40</v>
      </c>
      <c r="S162" s="7" t="s">
        <v>40</v>
      </c>
      <c r="T162" s="7" t="s">
        <v>2039</v>
      </c>
      <c r="U162" s="7">
        <v>110018</v>
      </c>
      <c r="V162" s="8" t="s">
        <v>2042</v>
      </c>
      <c r="W162" s="8" t="s">
        <v>43</v>
      </c>
      <c r="X162" s="8" t="s">
        <v>44</v>
      </c>
      <c r="Y162" s="7" t="s">
        <v>45</v>
      </c>
      <c r="Z162" s="8" t="s">
        <v>2043</v>
      </c>
      <c r="AA162" s="8" t="s">
        <v>40</v>
      </c>
      <c r="AB162" s="8" t="s">
        <v>47</v>
      </c>
      <c r="AC162" s="7" t="s">
        <v>2044</v>
      </c>
      <c r="AD162" s="7" t="s">
        <v>2045</v>
      </c>
    </row>
    <row r="163" spans="1:30" x14ac:dyDescent="0.25">
      <c r="A163" s="7">
        <v>160</v>
      </c>
      <c r="B163" s="8" t="s">
        <v>235</v>
      </c>
      <c r="C163" s="8" t="s">
        <v>2046</v>
      </c>
      <c r="D163" s="7" t="s">
        <v>2047</v>
      </c>
      <c r="E163" s="8" t="s">
        <v>2048</v>
      </c>
      <c r="F163" s="7">
        <v>84</v>
      </c>
      <c r="G163" s="9">
        <v>63</v>
      </c>
      <c r="H163" s="7">
        <v>0</v>
      </c>
      <c r="I163" s="7" t="s">
        <v>1965</v>
      </c>
      <c r="J163" s="7">
        <v>1713</v>
      </c>
      <c r="K163" s="7" t="s">
        <v>2049</v>
      </c>
      <c r="L163" s="7" t="s">
        <v>2050</v>
      </c>
      <c r="M163" s="7" t="s">
        <v>2051</v>
      </c>
      <c r="N163" s="7">
        <v>110030</v>
      </c>
      <c r="O163" s="8" t="s">
        <v>2052</v>
      </c>
      <c r="P163" s="7" t="s">
        <v>2053</v>
      </c>
      <c r="Q163" s="7" t="s">
        <v>2054</v>
      </c>
      <c r="R163" s="7" t="s">
        <v>40</v>
      </c>
      <c r="S163" s="7" t="s">
        <v>2055</v>
      </c>
      <c r="T163" s="7" t="s">
        <v>2056</v>
      </c>
      <c r="U163" s="7">
        <v>201301</v>
      </c>
      <c r="V163" s="8" t="s">
        <v>2057</v>
      </c>
      <c r="W163" s="8" t="s">
        <v>43</v>
      </c>
      <c r="X163" s="8" t="s">
        <v>44</v>
      </c>
      <c r="Y163" s="7" t="s">
        <v>2058</v>
      </c>
      <c r="Z163" s="8" t="s">
        <v>40</v>
      </c>
      <c r="AA163" s="8" t="s">
        <v>40</v>
      </c>
      <c r="AB163" s="8" t="s">
        <v>47</v>
      </c>
      <c r="AC163" s="7" t="s">
        <v>40</v>
      </c>
      <c r="AD163" s="7" t="s">
        <v>2059</v>
      </c>
    </row>
    <row r="164" spans="1:30" x14ac:dyDescent="0.25">
      <c r="A164" s="7">
        <v>161</v>
      </c>
      <c r="B164" s="8" t="s">
        <v>235</v>
      </c>
      <c r="C164" s="8" t="s">
        <v>2060</v>
      </c>
      <c r="D164" s="7" t="s">
        <v>2061</v>
      </c>
      <c r="E164" s="8" t="s">
        <v>2062</v>
      </c>
      <c r="F164" s="7">
        <v>84</v>
      </c>
      <c r="G164" s="9">
        <v>63</v>
      </c>
      <c r="H164" s="7">
        <v>0</v>
      </c>
      <c r="I164" s="7" t="s">
        <v>1965</v>
      </c>
      <c r="J164" s="7" t="s">
        <v>2063</v>
      </c>
      <c r="K164" s="7" t="s">
        <v>2064</v>
      </c>
      <c r="L164" s="7" t="s">
        <v>2065</v>
      </c>
      <c r="M164" s="7" t="s">
        <v>2039</v>
      </c>
      <c r="N164" s="7">
        <v>110030</v>
      </c>
      <c r="O164" s="8" t="s">
        <v>2066</v>
      </c>
      <c r="P164" s="7" t="s">
        <v>2053</v>
      </c>
      <c r="Q164" s="7" t="s">
        <v>2054</v>
      </c>
      <c r="R164" s="7" t="s">
        <v>40</v>
      </c>
      <c r="S164" s="7" t="s">
        <v>2067</v>
      </c>
      <c r="T164" s="7" t="s">
        <v>1216</v>
      </c>
      <c r="U164" s="7">
        <v>201301</v>
      </c>
      <c r="V164" s="8" t="s">
        <v>2057</v>
      </c>
      <c r="W164" s="8" t="s">
        <v>43</v>
      </c>
      <c r="X164" s="8" t="s">
        <v>44</v>
      </c>
      <c r="Y164" s="7" t="s">
        <v>45</v>
      </c>
      <c r="Z164" s="8" t="s">
        <v>2068</v>
      </c>
      <c r="AA164" s="8" t="s">
        <v>40</v>
      </c>
      <c r="AB164" s="8" t="s">
        <v>47</v>
      </c>
      <c r="AC164" s="7" t="s">
        <v>40</v>
      </c>
      <c r="AD164" s="7" t="s">
        <v>2069</v>
      </c>
    </row>
    <row r="165" spans="1:30" x14ac:dyDescent="0.25">
      <c r="A165" s="7">
        <v>162</v>
      </c>
      <c r="B165" s="8" t="s">
        <v>235</v>
      </c>
      <c r="C165" s="8" t="s">
        <v>2070</v>
      </c>
      <c r="D165" s="7" t="s">
        <v>2071</v>
      </c>
      <c r="E165" s="8" t="s">
        <v>2072</v>
      </c>
      <c r="F165" s="7">
        <v>84</v>
      </c>
      <c r="G165" s="9">
        <v>63</v>
      </c>
      <c r="H165" s="7">
        <v>0</v>
      </c>
      <c r="I165" s="7" t="s">
        <v>1965</v>
      </c>
      <c r="J165" s="7" t="s">
        <v>2073</v>
      </c>
      <c r="K165" s="7" t="s">
        <v>2074</v>
      </c>
      <c r="L165" s="7" t="s">
        <v>2075</v>
      </c>
      <c r="M165" s="7" t="s">
        <v>2039</v>
      </c>
      <c r="N165" s="7">
        <v>110062</v>
      </c>
      <c r="O165" s="8" t="s">
        <v>2076</v>
      </c>
      <c r="P165" s="7" t="s">
        <v>2053</v>
      </c>
      <c r="Q165" s="7" t="s">
        <v>2077</v>
      </c>
      <c r="R165" s="7" t="s">
        <v>40</v>
      </c>
      <c r="S165" s="7" t="s">
        <v>2067</v>
      </c>
      <c r="T165" s="7" t="s">
        <v>2056</v>
      </c>
      <c r="U165" s="7">
        <v>201301</v>
      </c>
      <c r="V165" s="8" t="s">
        <v>2057</v>
      </c>
      <c r="W165" s="8" t="s">
        <v>43</v>
      </c>
      <c r="X165" s="8" t="s">
        <v>44</v>
      </c>
      <c r="Y165" s="7" t="s">
        <v>45</v>
      </c>
      <c r="Z165" s="8" t="s">
        <v>40</v>
      </c>
      <c r="AA165" s="8" t="s">
        <v>40</v>
      </c>
      <c r="AB165" s="8" t="s">
        <v>47</v>
      </c>
      <c r="AC165" s="7" t="s">
        <v>40</v>
      </c>
      <c r="AD165" s="7" t="s">
        <v>40</v>
      </c>
    </row>
    <row r="166" spans="1:30" ht="30" x14ac:dyDescent="0.25">
      <c r="A166" s="7">
        <v>163</v>
      </c>
      <c r="B166" s="8" t="s">
        <v>2078</v>
      </c>
      <c r="C166" s="8" t="s">
        <v>2079</v>
      </c>
      <c r="D166" s="7" t="s">
        <v>2080</v>
      </c>
      <c r="E166" s="8" t="s">
        <v>2081</v>
      </c>
      <c r="F166" s="7">
        <v>50</v>
      </c>
      <c r="G166" s="9">
        <v>37.5</v>
      </c>
      <c r="H166" s="7">
        <v>0</v>
      </c>
      <c r="I166" s="7" t="s">
        <v>1965</v>
      </c>
      <c r="J166" s="7" t="s">
        <v>2082</v>
      </c>
      <c r="K166" s="7" t="s">
        <v>40</v>
      </c>
      <c r="L166" s="7" t="s">
        <v>40</v>
      </c>
      <c r="M166" s="7" t="s">
        <v>2083</v>
      </c>
      <c r="N166" s="7">
        <v>122002</v>
      </c>
      <c r="O166" s="8" t="s">
        <v>2084</v>
      </c>
      <c r="P166" s="7" t="s">
        <v>1375</v>
      </c>
      <c r="Q166" s="7" t="s">
        <v>2085</v>
      </c>
      <c r="R166" s="7" t="s">
        <v>40</v>
      </c>
      <c r="S166" s="7" t="s">
        <v>40</v>
      </c>
      <c r="T166" s="7" t="s">
        <v>60</v>
      </c>
      <c r="U166" s="7">
        <v>110001</v>
      </c>
      <c r="V166" s="8" t="s">
        <v>2086</v>
      </c>
      <c r="W166" s="8" t="s">
        <v>43</v>
      </c>
      <c r="X166" s="8" t="s">
        <v>44</v>
      </c>
      <c r="Y166" s="7" t="s">
        <v>45</v>
      </c>
      <c r="Z166" s="8" t="s">
        <v>40</v>
      </c>
      <c r="AA166" s="8" t="s">
        <v>40</v>
      </c>
      <c r="AB166" s="8" t="s">
        <v>47</v>
      </c>
      <c r="AC166" s="7" t="s">
        <v>40</v>
      </c>
      <c r="AD166" s="7" t="s">
        <v>2087</v>
      </c>
    </row>
    <row r="167" spans="1:30" x14ac:dyDescent="0.25">
      <c r="A167" s="7">
        <v>164</v>
      </c>
      <c r="B167" s="8" t="s">
        <v>28</v>
      </c>
      <c r="C167" s="8" t="s">
        <v>2088</v>
      </c>
      <c r="D167" s="7" t="s">
        <v>2089</v>
      </c>
      <c r="E167" s="8" t="s">
        <v>2090</v>
      </c>
      <c r="F167" s="7">
        <v>100</v>
      </c>
      <c r="G167" s="9">
        <v>75</v>
      </c>
      <c r="H167" s="7">
        <v>0</v>
      </c>
      <c r="I167" s="7" t="s">
        <v>1965</v>
      </c>
      <c r="J167" s="7" t="s">
        <v>2091</v>
      </c>
      <c r="K167" s="7" t="s">
        <v>2092</v>
      </c>
      <c r="L167" s="7" t="s">
        <v>2093</v>
      </c>
      <c r="M167" s="7" t="s">
        <v>1047</v>
      </c>
      <c r="N167" s="7">
        <v>221010</v>
      </c>
      <c r="O167" s="8" t="s">
        <v>2094</v>
      </c>
      <c r="P167" s="7" t="s">
        <v>382</v>
      </c>
      <c r="Q167" s="7" t="s">
        <v>2095</v>
      </c>
      <c r="R167" s="7" t="s">
        <v>2096</v>
      </c>
      <c r="S167" s="7" t="s">
        <v>2093</v>
      </c>
      <c r="T167" s="7" t="s">
        <v>1047</v>
      </c>
      <c r="U167" s="7">
        <v>221005</v>
      </c>
      <c r="V167" s="8" t="s">
        <v>2097</v>
      </c>
      <c r="W167" s="8" t="s">
        <v>43</v>
      </c>
      <c r="X167" s="8" t="s">
        <v>44</v>
      </c>
      <c r="Y167" s="7" t="s">
        <v>45</v>
      </c>
      <c r="Z167" s="8" t="s">
        <v>2098</v>
      </c>
      <c r="AA167" s="8" t="s">
        <v>40</v>
      </c>
      <c r="AB167" s="8" t="s">
        <v>47</v>
      </c>
      <c r="AC167" s="7" t="s">
        <v>2099</v>
      </c>
      <c r="AD167" s="7" t="s">
        <v>2100</v>
      </c>
    </row>
    <row r="168" spans="1:30" ht="30" x14ac:dyDescent="0.25">
      <c r="A168" s="7">
        <v>165</v>
      </c>
      <c r="B168" s="8" t="s">
        <v>436</v>
      </c>
      <c r="C168" s="8" t="s">
        <v>2101</v>
      </c>
      <c r="D168" s="7" t="s">
        <v>2102</v>
      </c>
      <c r="E168" s="8" t="s">
        <v>2103</v>
      </c>
      <c r="F168" s="7">
        <v>7</v>
      </c>
      <c r="G168" s="9">
        <v>5.25</v>
      </c>
      <c r="H168" s="7">
        <v>0</v>
      </c>
      <c r="I168" s="7" t="s">
        <v>1965</v>
      </c>
      <c r="J168" s="7" t="s">
        <v>2104</v>
      </c>
      <c r="K168" s="7" t="s">
        <v>40</v>
      </c>
      <c r="L168" s="7" t="s">
        <v>40</v>
      </c>
      <c r="M168" s="7" t="s">
        <v>2105</v>
      </c>
      <c r="N168" s="7">
        <v>243122</v>
      </c>
      <c r="O168" s="8" t="s">
        <v>2106</v>
      </c>
      <c r="P168" s="7" t="s">
        <v>2107</v>
      </c>
      <c r="Q168" s="7" t="s">
        <v>2108</v>
      </c>
      <c r="R168" s="7">
        <v>2</v>
      </c>
      <c r="S168" s="7" t="s">
        <v>1021</v>
      </c>
      <c r="T168" s="7" t="s">
        <v>256</v>
      </c>
      <c r="U168" s="7" t="s">
        <v>2109</v>
      </c>
      <c r="V168" s="8" t="s">
        <v>2110</v>
      </c>
      <c r="W168" s="8" t="s">
        <v>43</v>
      </c>
      <c r="X168" s="8" t="s">
        <v>44</v>
      </c>
      <c r="Y168" s="7" t="s">
        <v>45</v>
      </c>
      <c r="Z168" s="8" t="s">
        <v>2111</v>
      </c>
      <c r="AA168" s="8" t="s">
        <v>40</v>
      </c>
      <c r="AB168" s="8" t="s">
        <v>47</v>
      </c>
      <c r="AC168" s="7" t="s">
        <v>2112</v>
      </c>
      <c r="AD168" s="7" t="s">
        <v>2113</v>
      </c>
    </row>
    <row r="169" spans="1:30" ht="30" x14ac:dyDescent="0.25">
      <c r="A169" s="7">
        <v>166</v>
      </c>
      <c r="B169" s="8" t="s">
        <v>276</v>
      </c>
      <c r="C169" s="8" t="s">
        <v>2114</v>
      </c>
      <c r="D169" s="7" t="s">
        <v>2115</v>
      </c>
      <c r="E169" s="8" t="s">
        <v>2116</v>
      </c>
      <c r="F169" s="7">
        <v>1</v>
      </c>
      <c r="G169" s="9">
        <v>0.75</v>
      </c>
      <c r="H169" s="7">
        <v>0</v>
      </c>
      <c r="I169" s="7" t="s">
        <v>1965</v>
      </c>
      <c r="J169" s="7" t="s">
        <v>2117</v>
      </c>
      <c r="K169" s="7" t="s">
        <v>2118</v>
      </c>
      <c r="L169" s="7" t="s">
        <v>40</v>
      </c>
      <c r="M169" s="7" t="s">
        <v>304</v>
      </c>
      <c r="N169" s="7">
        <v>302019</v>
      </c>
      <c r="O169" s="8" t="s">
        <v>2119</v>
      </c>
      <c r="P169" s="7" t="s">
        <v>38</v>
      </c>
      <c r="Q169" s="7" t="s">
        <v>2120</v>
      </c>
      <c r="R169" s="7" t="s">
        <v>40</v>
      </c>
      <c r="S169" s="7" t="s">
        <v>40</v>
      </c>
      <c r="T169" s="7" t="s">
        <v>1256</v>
      </c>
      <c r="U169" s="7">
        <v>302001</v>
      </c>
      <c r="V169" s="8" t="s">
        <v>2121</v>
      </c>
      <c r="W169" s="8" t="s">
        <v>43</v>
      </c>
      <c r="X169" s="8" t="s">
        <v>44</v>
      </c>
      <c r="Y169" s="7" t="s">
        <v>45</v>
      </c>
      <c r="Z169" s="8" t="s">
        <v>2122</v>
      </c>
      <c r="AA169" s="8" t="s">
        <v>40</v>
      </c>
      <c r="AB169" s="8" t="s">
        <v>47</v>
      </c>
      <c r="AC169" s="7" t="s">
        <v>2123</v>
      </c>
      <c r="AD169" s="7" t="s">
        <v>2124</v>
      </c>
    </row>
    <row r="170" spans="1:30" x14ac:dyDescent="0.25">
      <c r="A170" s="7">
        <v>167</v>
      </c>
      <c r="B170" s="8" t="s">
        <v>1555</v>
      </c>
      <c r="C170" s="8" t="s">
        <v>2125</v>
      </c>
      <c r="D170" s="7" t="s">
        <v>2126</v>
      </c>
      <c r="E170" s="8" t="s">
        <v>2127</v>
      </c>
      <c r="F170" s="7">
        <v>1</v>
      </c>
      <c r="G170" s="9">
        <v>0.75</v>
      </c>
      <c r="H170" s="7">
        <v>0</v>
      </c>
      <c r="I170" s="7" t="s">
        <v>1965</v>
      </c>
      <c r="J170" s="7" t="s">
        <v>2128</v>
      </c>
      <c r="K170" s="7" t="s">
        <v>40</v>
      </c>
      <c r="L170" s="7" t="s">
        <v>40</v>
      </c>
      <c r="M170" s="7" t="s">
        <v>1256</v>
      </c>
      <c r="N170" s="7">
        <v>302021</v>
      </c>
      <c r="O170" s="8" t="s">
        <v>2129</v>
      </c>
      <c r="P170" s="7" t="s">
        <v>2130</v>
      </c>
      <c r="Q170" s="7" t="s">
        <v>2131</v>
      </c>
      <c r="R170" s="7" t="s">
        <v>40</v>
      </c>
      <c r="S170" s="7" t="s">
        <v>40</v>
      </c>
      <c r="T170" s="7" t="s">
        <v>1256</v>
      </c>
      <c r="U170" s="7">
        <v>302001</v>
      </c>
      <c r="V170" s="8" t="s">
        <v>2132</v>
      </c>
      <c r="W170" s="8" t="s">
        <v>43</v>
      </c>
      <c r="X170" s="8" t="s">
        <v>44</v>
      </c>
      <c r="Y170" s="7" t="s">
        <v>45</v>
      </c>
      <c r="Z170" s="8" t="s">
        <v>2133</v>
      </c>
      <c r="AA170" s="8" t="s">
        <v>40</v>
      </c>
      <c r="AB170" s="8" t="s">
        <v>47</v>
      </c>
      <c r="AC170" s="7" t="s">
        <v>2134</v>
      </c>
      <c r="AD170" s="7" t="s">
        <v>2135</v>
      </c>
    </row>
    <row r="171" spans="1:30" x14ac:dyDescent="0.25">
      <c r="A171" s="7">
        <v>168</v>
      </c>
      <c r="B171" s="8" t="s">
        <v>2136</v>
      </c>
      <c r="C171" s="8" t="s">
        <v>2137</v>
      </c>
      <c r="D171" s="7" t="s">
        <v>2138</v>
      </c>
      <c r="E171" s="8" t="s">
        <v>2139</v>
      </c>
      <c r="F171" s="7">
        <v>50</v>
      </c>
      <c r="G171" s="9">
        <v>37.5</v>
      </c>
      <c r="H171" s="7">
        <v>0</v>
      </c>
      <c r="I171" s="7" t="s">
        <v>1965</v>
      </c>
      <c r="J171" s="7">
        <v>8</v>
      </c>
      <c r="K171" s="7" t="s">
        <v>2140</v>
      </c>
      <c r="L171" s="7" t="s">
        <v>2141</v>
      </c>
      <c r="M171" s="7" t="s">
        <v>1256</v>
      </c>
      <c r="N171" s="7">
        <v>302026</v>
      </c>
      <c r="O171" s="8" t="s">
        <v>2142</v>
      </c>
      <c r="P171" s="7" t="s">
        <v>38</v>
      </c>
      <c r="Q171" s="7" t="s">
        <v>2143</v>
      </c>
      <c r="R171" s="7" t="s">
        <v>2141</v>
      </c>
      <c r="S171" s="7" t="s">
        <v>40</v>
      </c>
      <c r="T171" s="7" t="s">
        <v>1256</v>
      </c>
      <c r="U171" s="7">
        <v>302019</v>
      </c>
      <c r="V171" s="8" t="s">
        <v>2144</v>
      </c>
      <c r="W171" s="8" t="s">
        <v>43</v>
      </c>
      <c r="X171" s="8" t="s">
        <v>44</v>
      </c>
      <c r="Y171" s="7" t="s">
        <v>45</v>
      </c>
      <c r="Z171" s="8" t="s">
        <v>2145</v>
      </c>
      <c r="AA171" s="8" t="s">
        <v>40</v>
      </c>
      <c r="AB171" s="8" t="s">
        <v>47</v>
      </c>
      <c r="AC171" s="7" t="s">
        <v>40</v>
      </c>
      <c r="AD171" s="7" t="s">
        <v>2146</v>
      </c>
    </row>
    <row r="172" spans="1:30" x14ac:dyDescent="0.25">
      <c r="A172" s="7">
        <v>169</v>
      </c>
      <c r="B172" s="8" t="s">
        <v>2147</v>
      </c>
      <c r="C172" s="8" t="s">
        <v>2148</v>
      </c>
      <c r="D172" s="7" t="s">
        <v>2149</v>
      </c>
      <c r="E172" s="8" t="s">
        <v>2150</v>
      </c>
      <c r="F172" s="7">
        <v>20</v>
      </c>
      <c r="G172" s="9">
        <v>15</v>
      </c>
      <c r="H172" s="7">
        <v>0</v>
      </c>
      <c r="I172" s="7" t="s">
        <v>1965</v>
      </c>
      <c r="J172" s="7" t="s">
        <v>2151</v>
      </c>
      <c r="K172" s="7" t="s">
        <v>2152</v>
      </c>
      <c r="L172" s="7" t="s">
        <v>40</v>
      </c>
      <c r="M172" s="7" t="s">
        <v>2153</v>
      </c>
      <c r="N172" s="7">
        <v>342001</v>
      </c>
      <c r="O172" s="8" t="s">
        <v>2154</v>
      </c>
      <c r="P172" s="7" t="s">
        <v>1893</v>
      </c>
      <c r="Q172" s="7" t="s">
        <v>2155</v>
      </c>
      <c r="R172" s="7" t="s">
        <v>40</v>
      </c>
      <c r="S172" s="7" t="s">
        <v>40</v>
      </c>
      <c r="T172" s="7" t="s">
        <v>371</v>
      </c>
      <c r="U172" s="7">
        <v>342003</v>
      </c>
      <c r="V172" s="8" t="s">
        <v>2156</v>
      </c>
      <c r="W172" s="8" t="s">
        <v>43</v>
      </c>
      <c r="X172" s="8" t="s">
        <v>44</v>
      </c>
      <c r="Y172" s="7" t="s">
        <v>45</v>
      </c>
      <c r="Z172" s="8" t="s">
        <v>40</v>
      </c>
      <c r="AA172" s="8" t="s">
        <v>40</v>
      </c>
      <c r="AB172" s="8" t="s">
        <v>47</v>
      </c>
      <c r="AC172" s="7" t="s">
        <v>40</v>
      </c>
      <c r="AD172" s="7" t="s">
        <v>2157</v>
      </c>
    </row>
    <row r="173" spans="1:30" x14ac:dyDescent="0.25">
      <c r="A173" s="7">
        <v>170</v>
      </c>
      <c r="B173" s="8" t="s">
        <v>2158</v>
      </c>
      <c r="C173" s="8" t="s">
        <v>2159</v>
      </c>
      <c r="D173" s="7" t="s">
        <v>2160</v>
      </c>
      <c r="E173" s="8" t="s">
        <v>2161</v>
      </c>
      <c r="F173" s="7">
        <v>50</v>
      </c>
      <c r="G173" s="9">
        <v>37.5</v>
      </c>
      <c r="H173" s="7">
        <v>0</v>
      </c>
      <c r="I173" s="7" t="s">
        <v>1965</v>
      </c>
      <c r="J173" s="7" t="s">
        <v>2162</v>
      </c>
      <c r="K173" s="7" t="s">
        <v>2163</v>
      </c>
      <c r="L173" s="7" t="s">
        <v>2164</v>
      </c>
      <c r="M173" s="7" t="s">
        <v>2165</v>
      </c>
      <c r="N173" s="7">
        <v>360001</v>
      </c>
      <c r="O173" s="8" t="s">
        <v>2166</v>
      </c>
      <c r="P173" s="7" t="s">
        <v>929</v>
      </c>
      <c r="Q173" s="7" t="s">
        <v>2167</v>
      </c>
      <c r="R173" s="7" t="s">
        <v>2168</v>
      </c>
      <c r="S173" s="7" t="s">
        <v>40</v>
      </c>
      <c r="T173" s="7" t="s">
        <v>1288</v>
      </c>
      <c r="U173" s="7">
        <v>360001</v>
      </c>
      <c r="V173" s="8" t="s">
        <v>2169</v>
      </c>
      <c r="W173" s="8" t="s">
        <v>43</v>
      </c>
      <c r="X173" s="8" t="s">
        <v>44</v>
      </c>
      <c r="Y173" s="7" t="s">
        <v>45</v>
      </c>
      <c r="Z173" s="8" t="s">
        <v>2170</v>
      </c>
      <c r="AA173" s="8" t="s">
        <v>40</v>
      </c>
      <c r="AB173" s="8" t="s">
        <v>47</v>
      </c>
      <c r="AC173" s="7" t="s">
        <v>40</v>
      </c>
      <c r="AD173" s="7" t="s">
        <v>2171</v>
      </c>
    </row>
    <row r="174" spans="1:30" x14ac:dyDescent="0.25">
      <c r="A174" s="7">
        <v>171</v>
      </c>
      <c r="B174" s="8" t="s">
        <v>28</v>
      </c>
      <c r="C174" s="8" t="s">
        <v>2172</v>
      </c>
      <c r="D174" s="7" t="s">
        <v>2173</v>
      </c>
      <c r="E174" s="8" t="s">
        <v>2174</v>
      </c>
      <c r="F174" s="7">
        <v>16</v>
      </c>
      <c r="G174" s="9">
        <v>12</v>
      </c>
      <c r="H174" s="7">
        <v>0</v>
      </c>
      <c r="I174" s="7" t="s">
        <v>1965</v>
      </c>
      <c r="J174" s="7" t="s">
        <v>2175</v>
      </c>
      <c r="K174" s="7" t="s">
        <v>2176</v>
      </c>
      <c r="L174" s="7" t="s">
        <v>506</v>
      </c>
      <c r="M174" s="7" t="s">
        <v>506</v>
      </c>
      <c r="N174" s="7">
        <v>395003</v>
      </c>
      <c r="O174" s="8" t="s">
        <v>2177</v>
      </c>
      <c r="P174" s="7" t="s">
        <v>405</v>
      </c>
      <c r="Q174" s="7" t="s">
        <v>506</v>
      </c>
      <c r="R174" s="7" t="s">
        <v>40</v>
      </c>
      <c r="S174" s="7" t="s">
        <v>40</v>
      </c>
      <c r="T174" s="7" t="s">
        <v>506</v>
      </c>
      <c r="U174" s="7">
        <v>395003</v>
      </c>
      <c r="V174" s="8" t="s">
        <v>2178</v>
      </c>
      <c r="W174" s="8" t="s">
        <v>43</v>
      </c>
      <c r="X174" s="8" t="s">
        <v>44</v>
      </c>
      <c r="Y174" s="7" t="s">
        <v>45</v>
      </c>
      <c r="Z174" s="8" t="s">
        <v>2179</v>
      </c>
      <c r="AA174" s="8" t="s">
        <v>2180</v>
      </c>
      <c r="AB174" s="8" t="s">
        <v>47</v>
      </c>
      <c r="AC174" s="7" t="s">
        <v>2181</v>
      </c>
      <c r="AD174" s="7" t="s">
        <v>2182</v>
      </c>
    </row>
    <row r="175" spans="1:30" x14ac:dyDescent="0.25">
      <c r="A175" s="7">
        <v>172</v>
      </c>
      <c r="B175" s="8" t="s">
        <v>276</v>
      </c>
      <c r="C175" s="8" t="s">
        <v>2183</v>
      </c>
      <c r="D175" s="7" t="s">
        <v>2184</v>
      </c>
      <c r="E175" s="8" t="s">
        <v>2185</v>
      </c>
      <c r="F175" s="7">
        <v>1</v>
      </c>
      <c r="G175" s="9">
        <v>0.75</v>
      </c>
      <c r="H175" s="7">
        <v>0</v>
      </c>
      <c r="I175" s="7" t="s">
        <v>1965</v>
      </c>
      <c r="J175" s="7" t="s">
        <v>2186</v>
      </c>
      <c r="K175" s="7" t="s">
        <v>2187</v>
      </c>
      <c r="L175" s="7" t="s">
        <v>2188</v>
      </c>
      <c r="M175" s="7" t="s">
        <v>2189</v>
      </c>
      <c r="N175" s="7">
        <v>395007</v>
      </c>
      <c r="O175" s="8" t="s">
        <v>2190</v>
      </c>
      <c r="P175" s="7" t="s">
        <v>38</v>
      </c>
      <c r="Q175" s="7" t="s">
        <v>2191</v>
      </c>
      <c r="R175" s="7" t="s">
        <v>2192</v>
      </c>
      <c r="S175" s="7" t="s">
        <v>2193</v>
      </c>
      <c r="T175" s="7" t="s">
        <v>506</v>
      </c>
      <c r="U175" s="7">
        <v>395002</v>
      </c>
      <c r="V175" s="8" t="s">
        <v>2194</v>
      </c>
      <c r="W175" s="8" t="s">
        <v>43</v>
      </c>
      <c r="X175" s="8" t="s">
        <v>44</v>
      </c>
      <c r="Y175" s="7" t="s">
        <v>45</v>
      </c>
      <c r="Z175" s="8" t="s">
        <v>2195</v>
      </c>
      <c r="AA175" s="8" t="s">
        <v>40</v>
      </c>
      <c r="AB175" s="8" t="s">
        <v>47</v>
      </c>
      <c r="AC175" s="7" t="s">
        <v>2196</v>
      </c>
      <c r="AD175" s="7" t="s">
        <v>2197</v>
      </c>
    </row>
    <row r="176" spans="1:30" ht="30" x14ac:dyDescent="0.25">
      <c r="A176" s="7">
        <v>173</v>
      </c>
      <c r="B176" s="8" t="s">
        <v>657</v>
      </c>
      <c r="C176" s="8" t="s">
        <v>2198</v>
      </c>
      <c r="D176" s="7" t="s">
        <v>2199</v>
      </c>
      <c r="E176" s="8" t="s">
        <v>2200</v>
      </c>
      <c r="F176" s="7">
        <v>7</v>
      </c>
      <c r="G176" s="9">
        <v>5.25</v>
      </c>
      <c r="H176" s="7">
        <v>0</v>
      </c>
      <c r="I176" s="7" t="s">
        <v>1965</v>
      </c>
      <c r="J176" s="7" t="s">
        <v>2201</v>
      </c>
      <c r="K176" s="7" t="s">
        <v>2202</v>
      </c>
      <c r="L176" s="7" t="s">
        <v>2203</v>
      </c>
      <c r="M176" s="7" t="s">
        <v>1348</v>
      </c>
      <c r="N176" s="7">
        <v>400002</v>
      </c>
      <c r="O176" s="8" t="s">
        <v>2204</v>
      </c>
      <c r="P176" s="7" t="s">
        <v>258</v>
      </c>
      <c r="Q176" s="7" t="s">
        <v>2205</v>
      </c>
      <c r="R176" s="7" t="s">
        <v>40</v>
      </c>
      <c r="S176" s="7" t="s">
        <v>40</v>
      </c>
      <c r="T176" s="7" t="s">
        <v>533</v>
      </c>
      <c r="U176" s="7" t="s">
        <v>40</v>
      </c>
      <c r="V176" s="8" t="s">
        <v>2206</v>
      </c>
      <c r="W176" s="8" t="s">
        <v>43</v>
      </c>
      <c r="X176" s="8" t="s">
        <v>44</v>
      </c>
      <c r="Y176" s="7" t="s">
        <v>45</v>
      </c>
      <c r="Z176" s="8" t="s">
        <v>2207</v>
      </c>
      <c r="AA176" s="8" t="s">
        <v>40</v>
      </c>
      <c r="AB176" s="8" t="s">
        <v>47</v>
      </c>
      <c r="AC176" s="7" t="s">
        <v>2208</v>
      </c>
      <c r="AD176" s="7" t="s">
        <v>2209</v>
      </c>
    </row>
    <row r="177" spans="1:30" ht="30" x14ac:dyDescent="0.25">
      <c r="A177" s="7">
        <v>174</v>
      </c>
      <c r="B177" s="8" t="s">
        <v>2210</v>
      </c>
      <c r="C177" s="8" t="s">
        <v>2211</v>
      </c>
      <c r="D177" s="7" t="s">
        <v>2212</v>
      </c>
      <c r="E177" s="8" t="s">
        <v>2213</v>
      </c>
      <c r="F177" s="7">
        <v>6</v>
      </c>
      <c r="G177" s="9">
        <v>4.5</v>
      </c>
      <c r="H177" s="7">
        <v>0</v>
      </c>
      <c r="I177" s="7" t="s">
        <v>1965</v>
      </c>
      <c r="J177" s="7" t="s">
        <v>2214</v>
      </c>
      <c r="K177" s="7" t="s">
        <v>2215</v>
      </c>
      <c r="L177" s="7" t="s">
        <v>2216</v>
      </c>
      <c r="M177" s="7" t="s">
        <v>1348</v>
      </c>
      <c r="N177" s="7">
        <v>400007</v>
      </c>
      <c r="O177" s="8" t="s">
        <v>2217</v>
      </c>
      <c r="P177" s="7" t="s">
        <v>974</v>
      </c>
      <c r="Q177" s="7" t="s">
        <v>2218</v>
      </c>
      <c r="R177" s="7" t="s">
        <v>40</v>
      </c>
      <c r="S177" s="7" t="s">
        <v>40</v>
      </c>
      <c r="T177" s="7" t="s">
        <v>533</v>
      </c>
      <c r="U177" s="7" t="s">
        <v>40</v>
      </c>
      <c r="V177" s="8" t="s">
        <v>2219</v>
      </c>
      <c r="W177" s="8" t="s">
        <v>43</v>
      </c>
      <c r="X177" s="8" t="s">
        <v>44</v>
      </c>
      <c r="Y177" s="7" t="s">
        <v>45</v>
      </c>
      <c r="Z177" s="8" t="s">
        <v>2220</v>
      </c>
      <c r="AA177" s="8" t="s">
        <v>40</v>
      </c>
      <c r="AB177" s="8" t="s">
        <v>47</v>
      </c>
      <c r="AC177" s="7" t="s">
        <v>2221</v>
      </c>
      <c r="AD177" s="7" t="s">
        <v>2222</v>
      </c>
    </row>
    <row r="178" spans="1:30" x14ac:dyDescent="0.25">
      <c r="A178" s="7">
        <v>175</v>
      </c>
      <c r="B178" s="8" t="s">
        <v>2223</v>
      </c>
      <c r="C178" s="8" t="s">
        <v>2224</v>
      </c>
      <c r="D178" s="7" t="s">
        <v>2225</v>
      </c>
      <c r="E178" s="8" t="s">
        <v>2226</v>
      </c>
      <c r="F178" s="7">
        <v>50</v>
      </c>
      <c r="G178" s="9">
        <v>37.5</v>
      </c>
      <c r="H178" s="7">
        <v>0</v>
      </c>
      <c r="I178" s="7" t="s">
        <v>1965</v>
      </c>
      <c r="J178" s="7" t="s">
        <v>2227</v>
      </c>
      <c r="K178" s="7" t="s">
        <v>2228</v>
      </c>
      <c r="L178" s="7" t="s">
        <v>1373</v>
      </c>
      <c r="M178" s="7" t="s">
        <v>533</v>
      </c>
      <c r="N178" s="7">
        <v>400050</v>
      </c>
      <c r="O178" s="8" t="s">
        <v>2229</v>
      </c>
      <c r="P178" s="7" t="s">
        <v>2230</v>
      </c>
      <c r="Q178" s="7" t="s">
        <v>2231</v>
      </c>
      <c r="R178" s="7" t="s">
        <v>2232</v>
      </c>
      <c r="S178" s="7" t="s">
        <v>2233</v>
      </c>
      <c r="T178" s="7" t="s">
        <v>533</v>
      </c>
      <c r="U178" s="7">
        <v>400054</v>
      </c>
      <c r="V178" s="8" t="s">
        <v>2234</v>
      </c>
      <c r="W178" s="8" t="s">
        <v>43</v>
      </c>
      <c r="X178" s="8" t="s">
        <v>44</v>
      </c>
      <c r="Y178" s="7" t="s">
        <v>45</v>
      </c>
      <c r="Z178" s="8" t="s">
        <v>2235</v>
      </c>
      <c r="AA178" s="8" t="s">
        <v>40</v>
      </c>
      <c r="AB178" s="8" t="s">
        <v>47</v>
      </c>
      <c r="AC178" s="7" t="s">
        <v>40</v>
      </c>
      <c r="AD178" s="7" t="s">
        <v>2236</v>
      </c>
    </row>
    <row r="179" spans="1:30" ht="30" x14ac:dyDescent="0.25">
      <c r="A179" s="7">
        <v>176</v>
      </c>
      <c r="B179" s="8" t="s">
        <v>2237</v>
      </c>
      <c r="C179" s="8" t="s">
        <v>2238</v>
      </c>
      <c r="D179" s="7" t="s">
        <v>2239</v>
      </c>
      <c r="E179" s="8" t="s">
        <v>2240</v>
      </c>
      <c r="F179" s="7">
        <v>10</v>
      </c>
      <c r="G179" s="9">
        <v>7.5</v>
      </c>
      <c r="H179" s="7">
        <v>0</v>
      </c>
      <c r="I179" s="7" t="s">
        <v>1965</v>
      </c>
      <c r="J179" s="7" t="s">
        <v>2241</v>
      </c>
      <c r="K179" s="7" t="s">
        <v>1394</v>
      </c>
      <c r="L179" s="7" t="s">
        <v>1395</v>
      </c>
      <c r="M179" s="7" t="s">
        <v>2242</v>
      </c>
      <c r="N179" s="7">
        <v>400050</v>
      </c>
      <c r="O179" s="8" t="s">
        <v>2243</v>
      </c>
      <c r="P179" s="7" t="s">
        <v>258</v>
      </c>
      <c r="Q179" s="7" t="s">
        <v>1394</v>
      </c>
      <c r="R179" s="7" t="s">
        <v>1373</v>
      </c>
      <c r="S179" s="7" t="s">
        <v>40</v>
      </c>
      <c r="T179" s="7" t="s">
        <v>533</v>
      </c>
      <c r="U179" s="7">
        <v>400050</v>
      </c>
      <c r="V179" s="8" t="s">
        <v>2244</v>
      </c>
      <c r="W179" s="8" t="s">
        <v>43</v>
      </c>
      <c r="X179" s="8" t="s">
        <v>44</v>
      </c>
      <c r="Y179" s="7" t="s">
        <v>45</v>
      </c>
      <c r="Z179" s="8" t="s">
        <v>40</v>
      </c>
      <c r="AA179" s="8" t="s">
        <v>2245</v>
      </c>
      <c r="AB179" s="8" t="s">
        <v>47</v>
      </c>
      <c r="AC179" s="7" t="s">
        <v>40</v>
      </c>
      <c r="AD179" s="7" t="s">
        <v>2246</v>
      </c>
    </row>
    <row r="180" spans="1:30" x14ac:dyDescent="0.25">
      <c r="A180" s="7">
        <v>177</v>
      </c>
      <c r="B180" s="8" t="s">
        <v>2247</v>
      </c>
      <c r="C180" s="8" t="s">
        <v>2248</v>
      </c>
      <c r="D180" s="7" t="s">
        <v>2249</v>
      </c>
      <c r="E180" s="8" t="s">
        <v>2250</v>
      </c>
      <c r="F180" s="7">
        <v>50</v>
      </c>
      <c r="G180" s="9">
        <v>37.5</v>
      </c>
      <c r="H180" s="7">
        <v>0</v>
      </c>
      <c r="I180" s="7" t="s">
        <v>1965</v>
      </c>
      <c r="J180" s="7" t="s">
        <v>2251</v>
      </c>
      <c r="K180" s="7" t="s">
        <v>2252</v>
      </c>
      <c r="L180" s="7" t="s">
        <v>2253</v>
      </c>
      <c r="M180" s="7" t="s">
        <v>533</v>
      </c>
      <c r="N180" s="7">
        <v>400051</v>
      </c>
      <c r="O180" s="8" t="s">
        <v>2254</v>
      </c>
      <c r="P180" s="7" t="s">
        <v>755</v>
      </c>
      <c r="Q180" s="7" t="s">
        <v>2255</v>
      </c>
      <c r="R180" s="7" t="s">
        <v>2253</v>
      </c>
      <c r="S180" s="7" t="s">
        <v>40</v>
      </c>
      <c r="T180" s="7" t="s">
        <v>533</v>
      </c>
      <c r="U180" s="7">
        <v>400051</v>
      </c>
      <c r="V180" s="8" t="s">
        <v>2256</v>
      </c>
      <c r="W180" s="8" t="s">
        <v>43</v>
      </c>
      <c r="X180" s="8" t="s">
        <v>44</v>
      </c>
      <c r="Y180" s="7" t="s">
        <v>45</v>
      </c>
      <c r="Z180" s="8" t="s">
        <v>2257</v>
      </c>
      <c r="AA180" s="8" t="s">
        <v>2258</v>
      </c>
      <c r="AB180" s="8" t="s">
        <v>47</v>
      </c>
      <c r="AC180" s="7" t="s">
        <v>40</v>
      </c>
      <c r="AD180" s="7" t="s">
        <v>2259</v>
      </c>
    </row>
    <row r="181" spans="1:30" x14ac:dyDescent="0.25">
      <c r="A181" s="7">
        <v>178</v>
      </c>
      <c r="B181" s="8" t="s">
        <v>1526</v>
      </c>
      <c r="C181" s="8" t="s">
        <v>2260</v>
      </c>
      <c r="D181" s="7" t="s">
        <v>2261</v>
      </c>
      <c r="E181" s="8" t="s">
        <v>2262</v>
      </c>
      <c r="F181" s="7">
        <v>50</v>
      </c>
      <c r="G181" s="9">
        <v>37.5</v>
      </c>
      <c r="H181" s="7">
        <v>0</v>
      </c>
      <c r="I181" s="7" t="s">
        <v>1965</v>
      </c>
      <c r="J181" s="7" t="s">
        <v>2263</v>
      </c>
      <c r="K181" s="7" t="s">
        <v>2264</v>
      </c>
      <c r="L181" s="7" t="s">
        <v>2265</v>
      </c>
      <c r="M181" s="7" t="s">
        <v>533</v>
      </c>
      <c r="N181" s="7">
        <v>400066</v>
      </c>
      <c r="O181" s="8" t="s">
        <v>2266</v>
      </c>
      <c r="P181" s="7" t="s">
        <v>2267</v>
      </c>
      <c r="Q181" s="7" t="s">
        <v>2268</v>
      </c>
      <c r="R181" s="7" t="s">
        <v>40</v>
      </c>
      <c r="S181" s="7" t="s">
        <v>2269</v>
      </c>
      <c r="T181" s="7" t="s">
        <v>533</v>
      </c>
      <c r="U181" s="7">
        <v>400066</v>
      </c>
      <c r="V181" s="8" t="s">
        <v>2270</v>
      </c>
      <c r="W181" s="8" t="s">
        <v>43</v>
      </c>
      <c r="X181" s="8" t="s">
        <v>44</v>
      </c>
      <c r="Y181" s="7" t="s">
        <v>45</v>
      </c>
      <c r="Z181" s="8" t="s">
        <v>2271</v>
      </c>
      <c r="AA181" s="8" t="s">
        <v>40</v>
      </c>
      <c r="AB181" s="8" t="s">
        <v>47</v>
      </c>
      <c r="AC181" s="7" t="s">
        <v>40</v>
      </c>
      <c r="AD181" s="7" t="s">
        <v>40</v>
      </c>
    </row>
    <row r="182" spans="1:30" ht="30" x14ac:dyDescent="0.25">
      <c r="A182" s="7">
        <v>179</v>
      </c>
      <c r="B182" s="8" t="s">
        <v>1707</v>
      </c>
      <c r="C182" s="8" t="s">
        <v>2272</v>
      </c>
      <c r="D182" s="7" t="s">
        <v>2273</v>
      </c>
      <c r="E182" s="8" t="s">
        <v>2274</v>
      </c>
      <c r="F182" s="7">
        <v>1</v>
      </c>
      <c r="G182" s="9">
        <v>0.75</v>
      </c>
      <c r="H182" s="7">
        <v>0</v>
      </c>
      <c r="I182" s="7" t="s">
        <v>1965</v>
      </c>
      <c r="J182" s="7" t="s">
        <v>2275</v>
      </c>
      <c r="K182" s="7" t="s">
        <v>2276</v>
      </c>
      <c r="L182" s="7" t="s">
        <v>2277</v>
      </c>
      <c r="M182" s="7" t="s">
        <v>1348</v>
      </c>
      <c r="N182" s="7">
        <v>400067</v>
      </c>
      <c r="O182" s="8" t="s">
        <v>2278</v>
      </c>
      <c r="P182" s="7" t="s">
        <v>38</v>
      </c>
      <c r="Q182" s="7" t="s">
        <v>2279</v>
      </c>
      <c r="R182" s="7" t="s">
        <v>2280</v>
      </c>
      <c r="S182" s="7" t="s">
        <v>40</v>
      </c>
      <c r="T182" s="7" t="s">
        <v>533</v>
      </c>
      <c r="U182" s="7">
        <v>400064</v>
      </c>
      <c r="V182" s="8" t="s">
        <v>2281</v>
      </c>
      <c r="W182" s="8" t="s">
        <v>43</v>
      </c>
      <c r="X182" s="8" t="s">
        <v>44</v>
      </c>
      <c r="Y182" s="7" t="s">
        <v>45</v>
      </c>
      <c r="Z182" s="8" t="s">
        <v>2282</v>
      </c>
      <c r="AA182" s="8" t="s">
        <v>40</v>
      </c>
      <c r="AB182" s="8" t="s">
        <v>47</v>
      </c>
      <c r="AC182" s="7" t="s">
        <v>2283</v>
      </c>
      <c r="AD182" s="7" t="s">
        <v>2284</v>
      </c>
    </row>
    <row r="183" spans="1:30" ht="30" x14ac:dyDescent="0.25">
      <c r="A183" s="7">
        <v>180</v>
      </c>
      <c r="B183" s="8" t="s">
        <v>2285</v>
      </c>
      <c r="C183" s="8" t="s">
        <v>2286</v>
      </c>
      <c r="D183" s="7" t="s">
        <v>2287</v>
      </c>
      <c r="E183" s="8" t="s">
        <v>2288</v>
      </c>
      <c r="F183" s="7">
        <v>1</v>
      </c>
      <c r="G183" s="9">
        <v>0.75</v>
      </c>
      <c r="H183" s="7">
        <v>0</v>
      </c>
      <c r="I183" s="7" t="s">
        <v>1965</v>
      </c>
      <c r="J183" s="7" t="s">
        <v>2289</v>
      </c>
      <c r="K183" s="7" t="s">
        <v>2290</v>
      </c>
      <c r="L183" s="7" t="s">
        <v>2291</v>
      </c>
      <c r="M183" s="7" t="s">
        <v>1348</v>
      </c>
      <c r="N183" s="7">
        <v>400092</v>
      </c>
      <c r="O183" s="8" t="s">
        <v>2292</v>
      </c>
      <c r="P183" s="7" t="s">
        <v>38</v>
      </c>
      <c r="Q183" s="7" t="s">
        <v>2293</v>
      </c>
      <c r="R183" s="7" t="s">
        <v>2294</v>
      </c>
      <c r="S183" s="7" t="s">
        <v>2295</v>
      </c>
      <c r="T183" s="7" t="s">
        <v>533</v>
      </c>
      <c r="U183" s="7">
        <v>400092</v>
      </c>
      <c r="V183" s="8" t="s">
        <v>2296</v>
      </c>
      <c r="W183" s="8" t="s">
        <v>43</v>
      </c>
      <c r="X183" s="8" t="s">
        <v>44</v>
      </c>
      <c r="Y183" s="7" t="s">
        <v>45</v>
      </c>
      <c r="Z183" s="8" t="s">
        <v>2297</v>
      </c>
      <c r="AA183" s="8" t="s">
        <v>40</v>
      </c>
      <c r="AB183" s="8" t="s">
        <v>47</v>
      </c>
      <c r="AC183" s="7" t="s">
        <v>2298</v>
      </c>
      <c r="AD183" s="7" t="s">
        <v>2299</v>
      </c>
    </row>
    <row r="184" spans="1:30" x14ac:dyDescent="0.25">
      <c r="A184" s="7">
        <v>181</v>
      </c>
      <c r="B184" s="8" t="s">
        <v>2300</v>
      </c>
      <c r="C184" s="8" t="s">
        <v>2301</v>
      </c>
      <c r="D184" s="7" t="s">
        <v>2302</v>
      </c>
      <c r="E184" s="8" t="s">
        <v>2303</v>
      </c>
      <c r="F184" s="7">
        <v>200</v>
      </c>
      <c r="G184" s="9">
        <v>150</v>
      </c>
      <c r="H184" s="7">
        <v>0</v>
      </c>
      <c r="I184" s="7" t="s">
        <v>1965</v>
      </c>
      <c r="J184" s="7" t="s">
        <v>2304</v>
      </c>
      <c r="K184" s="7" t="s">
        <v>40</v>
      </c>
      <c r="L184" s="7" t="s">
        <v>2305</v>
      </c>
      <c r="M184" s="7" t="s">
        <v>2306</v>
      </c>
      <c r="N184" s="7">
        <v>400705</v>
      </c>
      <c r="O184" s="8" t="s">
        <v>2307</v>
      </c>
      <c r="P184" s="7" t="s">
        <v>455</v>
      </c>
      <c r="Q184" s="7" t="s">
        <v>2308</v>
      </c>
      <c r="R184" s="7" t="s">
        <v>40</v>
      </c>
      <c r="S184" s="7" t="s">
        <v>2309</v>
      </c>
      <c r="T184" s="7" t="s">
        <v>2306</v>
      </c>
      <c r="U184" s="7">
        <v>400703</v>
      </c>
      <c r="V184" s="8" t="s">
        <v>2310</v>
      </c>
      <c r="W184" s="8" t="s">
        <v>43</v>
      </c>
      <c r="X184" s="8" t="s">
        <v>44</v>
      </c>
      <c r="Y184" s="7" t="s">
        <v>45</v>
      </c>
      <c r="Z184" s="8" t="s">
        <v>40</v>
      </c>
      <c r="AA184" s="8" t="s">
        <v>40</v>
      </c>
      <c r="AB184" s="8" t="s">
        <v>47</v>
      </c>
      <c r="AC184" s="7" t="s">
        <v>40</v>
      </c>
      <c r="AD184" s="7" t="s">
        <v>2311</v>
      </c>
    </row>
    <row r="185" spans="1:30" x14ac:dyDescent="0.25">
      <c r="A185" s="7">
        <v>182</v>
      </c>
      <c r="B185" s="8" t="s">
        <v>63</v>
      </c>
      <c r="C185" s="8" t="s">
        <v>2312</v>
      </c>
      <c r="D185" s="7" t="s">
        <v>2313</v>
      </c>
      <c r="E185" s="8" t="s">
        <v>2314</v>
      </c>
      <c r="F185" s="7">
        <v>17</v>
      </c>
      <c r="G185" s="9">
        <v>12.75</v>
      </c>
      <c r="H185" s="7">
        <v>0</v>
      </c>
      <c r="I185" s="7" t="s">
        <v>1965</v>
      </c>
      <c r="J185" s="7" t="s">
        <v>2315</v>
      </c>
      <c r="K185" s="7" t="s">
        <v>2316</v>
      </c>
      <c r="L185" s="7" t="s">
        <v>2317</v>
      </c>
      <c r="M185" s="7" t="s">
        <v>1537</v>
      </c>
      <c r="N185" s="7">
        <v>401107</v>
      </c>
      <c r="O185" s="8" t="s">
        <v>2318</v>
      </c>
      <c r="P185" s="7" t="s">
        <v>405</v>
      </c>
      <c r="Q185" s="7" t="s">
        <v>2319</v>
      </c>
      <c r="R185" s="7" t="s">
        <v>40</v>
      </c>
      <c r="S185" s="7" t="s">
        <v>40</v>
      </c>
      <c r="T185" s="7" t="s">
        <v>533</v>
      </c>
      <c r="U185" s="7">
        <v>401107</v>
      </c>
      <c r="V185" s="8" t="s">
        <v>2320</v>
      </c>
      <c r="W185" s="8" t="s">
        <v>43</v>
      </c>
      <c r="X185" s="8" t="s">
        <v>44</v>
      </c>
      <c r="Y185" s="7" t="s">
        <v>45</v>
      </c>
      <c r="Z185" s="8" t="s">
        <v>2321</v>
      </c>
      <c r="AA185" s="8" t="s">
        <v>40</v>
      </c>
      <c r="AB185" s="8" t="s">
        <v>47</v>
      </c>
      <c r="AC185" s="7" t="s">
        <v>2322</v>
      </c>
      <c r="AD185" s="7" t="s">
        <v>2323</v>
      </c>
    </row>
    <row r="186" spans="1:30" ht="30" x14ac:dyDescent="0.25">
      <c r="A186" s="7">
        <v>183</v>
      </c>
      <c r="B186" s="8" t="s">
        <v>475</v>
      </c>
      <c r="C186" s="8" t="s">
        <v>2324</v>
      </c>
      <c r="D186" s="7" t="s">
        <v>2325</v>
      </c>
      <c r="E186" s="8" t="s">
        <v>2326</v>
      </c>
      <c r="F186" s="7">
        <v>1</v>
      </c>
      <c r="G186" s="9">
        <v>0.75</v>
      </c>
      <c r="H186" s="7">
        <v>0</v>
      </c>
      <c r="I186" s="7" t="s">
        <v>1965</v>
      </c>
      <c r="J186" s="7" t="s">
        <v>2327</v>
      </c>
      <c r="K186" s="7" t="s">
        <v>2328</v>
      </c>
      <c r="L186" s="7" t="s">
        <v>2329</v>
      </c>
      <c r="M186" s="7" t="s">
        <v>2330</v>
      </c>
      <c r="N186" s="7">
        <v>401107</v>
      </c>
      <c r="O186" s="8" t="s">
        <v>2331</v>
      </c>
      <c r="P186" s="7" t="s">
        <v>38</v>
      </c>
      <c r="Q186" s="7" t="s">
        <v>2332</v>
      </c>
      <c r="R186" s="7" t="s">
        <v>2333</v>
      </c>
      <c r="S186" s="7" t="s">
        <v>2334</v>
      </c>
      <c r="T186" s="7" t="s">
        <v>1537</v>
      </c>
      <c r="U186" s="7">
        <v>401107</v>
      </c>
      <c r="V186" s="8" t="s">
        <v>40</v>
      </c>
      <c r="W186" s="8" t="s">
        <v>43</v>
      </c>
      <c r="X186" s="8" t="s">
        <v>44</v>
      </c>
      <c r="Y186" s="7" t="s">
        <v>45</v>
      </c>
      <c r="Z186" s="8" t="s">
        <v>40</v>
      </c>
      <c r="AA186" s="8" t="s">
        <v>40</v>
      </c>
      <c r="AB186" s="8" t="s">
        <v>47</v>
      </c>
      <c r="AC186" s="7" t="s">
        <v>2335</v>
      </c>
      <c r="AD186" s="7" t="s">
        <v>2336</v>
      </c>
    </row>
    <row r="187" spans="1:30" ht="30" x14ac:dyDescent="0.25">
      <c r="A187" s="7">
        <v>184</v>
      </c>
      <c r="B187" s="8" t="s">
        <v>2337</v>
      </c>
      <c r="C187" s="8" t="s">
        <v>2338</v>
      </c>
      <c r="D187" s="7" t="s">
        <v>2339</v>
      </c>
      <c r="E187" s="8" t="s">
        <v>2340</v>
      </c>
      <c r="F187" s="7">
        <v>50</v>
      </c>
      <c r="G187" s="9">
        <v>37.5</v>
      </c>
      <c r="H187" s="7">
        <v>0</v>
      </c>
      <c r="I187" s="7" t="s">
        <v>1965</v>
      </c>
      <c r="J187" s="7" t="s">
        <v>2341</v>
      </c>
      <c r="K187" s="7" t="s">
        <v>2342</v>
      </c>
      <c r="L187" s="7" t="s">
        <v>2343</v>
      </c>
      <c r="M187" s="7" t="s">
        <v>587</v>
      </c>
      <c r="N187" s="7">
        <v>411004</v>
      </c>
      <c r="O187" s="8" t="s">
        <v>2344</v>
      </c>
      <c r="P187" s="7" t="s">
        <v>589</v>
      </c>
      <c r="Q187" s="7" t="s">
        <v>2345</v>
      </c>
      <c r="R187" s="7" t="s">
        <v>2346</v>
      </c>
      <c r="S187" s="7" t="s">
        <v>2347</v>
      </c>
      <c r="T187" s="7" t="s">
        <v>1573</v>
      </c>
      <c r="U187" s="7">
        <v>411030</v>
      </c>
      <c r="V187" s="8" t="s">
        <v>2348</v>
      </c>
      <c r="W187" s="8" t="s">
        <v>43</v>
      </c>
      <c r="X187" s="8" t="s">
        <v>44</v>
      </c>
      <c r="Y187" s="7" t="s">
        <v>45</v>
      </c>
      <c r="Z187" s="8" t="s">
        <v>2349</v>
      </c>
      <c r="AA187" s="8" t="s">
        <v>40</v>
      </c>
      <c r="AB187" s="8" t="s">
        <v>47</v>
      </c>
      <c r="AC187" s="7" t="s">
        <v>40</v>
      </c>
      <c r="AD187" s="7" t="s">
        <v>2350</v>
      </c>
    </row>
    <row r="188" spans="1:30" x14ac:dyDescent="0.25">
      <c r="A188" s="7">
        <v>185</v>
      </c>
      <c r="B188" s="8" t="s">
        <v>396</v>
      </c>
      <c r="C188" s="8" t="s">
        <v>2351</v>
      </c>
      <c r="D188" s="7" t="s">
        <v>2352</v>
      </c>
      <c r="E188" s="8" t="s">
        <v>2353</v>
      </c>
      <c r="F188" s="7">
        <v>50</v>
      </c>
      <c r="G188" s="9">
        <v>37.5</v>
      </c>
      <c r="H188" s="7">
        <v>0</v>
      </c>
      <c r="I188" s="7" t="s">
        <v>1965</v>
      </c>
      <c r="J188" s="7" t="s">
        <v>2354</v>
      </c>
      <c r="K188" s="7" t="s">
        <v>2355</v>
      </c>
      <c r="L188" s="7" t="s">
        <v>2356</v>
      </c>
      <c r="M188" s="7" t="s">
        <v>1573</v>
      </c>
      <c r="N188" s="7">
        <v>411032</v>
      </c>
      <c r="O188" s="8" t="s">
        <v>2357</v>
      </c>
      <c r="P188" s="7" t="s">
        <v>755</v>
      </c>
      <c r="Q188" s="7" t="s">
        <v>2358</v>
      </c>
      <c r="R188" s="7" t="s">
        <v>2356</v>
      </c>
      <c r="S188" s="7" t="s">
        <v>40</v>
      </c>
      <c r="T188" s="7" t="s">
        <v>1573</v>
      </c>
      <c r="U188" s="7">
        <v>411032</v>
      </c>
      <c r="V188" s="8" t="s">
        <v>2359</v>
      </c>
      <c r="W188" s="8" t="s">
        <v>43</v>
      </c>
      <c r="X188" s="8" t="s">
        <v>44</v>
      </c>
      <c r="Y188" s="7" t="s">
        <v>45</v>
      </c>
      <c r="Z188" s="8" t="s">
        <v>2360</v>
      </c>
      <c r="AA188" s="8" t="s">
        <v>40</v>
      </c>
      <c r="AB188" s="8" t="s">
        <v>47</v>
      </c>
      <c r="AC188" s="7" t="s">
        <v>40</v>
      </c>
      <c r="AD188" s="7" t="s">
        <v>2361</v>
      </c>
    </row>
    <row r="189" spans="1:30" ht="30" x14ac:dyDescent="0.25">
      <c r="A189" s="7">
        <v>186</v>
      </c>
      <c r="B189" s="8" t="s">
        <v>210</v>
      </c>
      <c r="C189" s="8" t="s">
        <v>2362</v>
      </c>
      <c r="D189" s="7" t="s">
        <v>2363</v>
      </c>
      <c r="E189" s="8" t="s">
        <v>2364</v>
      </c>
      <c r="F189" s="7">
        <v>1</v>
      </c>
      <c r="G189" s="9">
        <v>0.75</v>
      </c>
      <c r="H189" s="7">
        <v>0</v>
      </c>
      <c r="I189" s="7" t="s">
        <v>1965</v>
      </c>
      <c r="J189" s="7" t="s">
        <v>2365</v>
      </c>
      <c r="K189" s="7" t="s">
        <v>2366</v>
      </c>
      <c r="L189" s="7" t="s">
        <v>40</v>
      </c>
      <c r="M189" s="7" t="s">
        <v>2367</v>
      </c>
      <c r="N189" s="7">
        <v>413512</v>
      </c>
      <c r="O189" s="8" t="s">
        <v>2368</v>
      </c>
      <c r="P189" s="7" t="s">
        <v>38</v>
      </c>
      <c r="Q189" s="7" t="s">
        <v>2369</v>
      </c>
      <c r="R189" s="7" t="s">
        <v>2370</v>
      </c>
      <c r="S189" s="7" t="s">
        <v>2371</v>
      </c>
      <c r="T189" s="7" t="s">
        <v>1591</v>
      </c>
      <c r="U189" s="7">
        <v>413512</v>
      </c>
      <c r="V189" s="8" t="s">
        <v>2372</v>
      </c>
      <c r="W189" s="8" t="s">
        <v>43</v>
      </c>
      <c r="X189" s="8" t="s">
        <v>44</v>
      </c>
      <c r="Y189" s="7" t="s">
        <v>45</v>
      </c>
      <c r="Z189" s="8" t="s">
        <v>2373</v>
      </c>
      <c r="AA189" s="8" t="s">
        <v>40</v>
      </c>
      <c r="AB189" s="8" t="s">
        <v>47</v>
      </c>
      <c r="AC189" s="7" t="s">
        <v>40</v>
      </c>
      <c r="AD189" s="7" t="s">
        <v>2374</v>
      </c>
    </row>
    <row r="190" spans="1:30" x14ac:dyDescent="0.25">
      <c r="A190" s="7">
        <v>187</v>
      </c>
      <c r="B190" s="8" t="s">
        <v>1497</v>
      </c>
      <c r="C190" s="8" t="s">
        <v>2375</v>
      </c>
      <c r="D190" s="7" t="s">
        <v>2376</v>
      </c>
      <c r="E190" s="8" t="s">
        <v>2377</v>
      </c>
      <c r="F190" s="7">
        <v>1</v>
      </c>
      <c r="G190" s="9">
        <v>0.75</v>
      </c>
      <c r="H190" s="7">
        <v>0</v>
      </c>
      <c r="I190" s="7" t="s">
        <v>1965</v>
      </c>
      <c r="J190" s="7" t="s">
        <v>2378</v>
      </c>
      <c r="K190" s="7" t="s">
        <v>2379</v>
      </c>
      <c r="L190" s="7" t="s">
        <v>2380</v>
      </c>
      <c r="M190" s="7" t="s">
        <v>2381</v>
      </c>
      <c r="N190" s="7">
        <v>416416</v>
      </c>
      <c r="O190" s="8" t="s">
        <v>2382</v>
      </c>
      <c r="P190" s="7" t="s">
        <v>38</v>
      </c>
      <c r="Q190" s="7" t="s">
        <v>2383</v>
      </c>
      <c r="R190" s="7" t="s">
        <v>2384</v>
      </c>
      <c r="S190" s="7" t="s">
        <v>2381</v>
      </c>
      <c r="T190" s="7" t="s">
        <v>558</v>
      </c>
      <c r="U190" s="7">
        <v>416416</v>
      </c>
      <c r="V190" s="8" t="s">
        <v>2385</v>
      </c>
      <c r="W190" s="8" t="s">
        <v>43</v>
      </c>
      <c r="X190" s="8" t="s">
        <v>44</v>
      </c>
      <c r="Y190" s="7" t="s">
        <v>45</v>
      </c>
      <c r="Z190" s="8" t="s">
        <v>40</v>
      </c>
      <c r="AA190" s="8" t="s">
        <v>40</v>
      </c>
      <c r="AB190" s="8" t="s">
        <v>47</v>
      </c>
      <c r="AC190" s="7" t="s">
        <v>2386</v>
      </c>
      <c r="AD190" s="7" t="s">
        <v>2387</v>
      </c>
    </row>
    <row r="191" spans="1:30" ht="30" x14ac:dyDescent="0.25">
      <c r="A191" s="7">
        <v>188</v>
      </c>
      <c r="B191" s="8" t="s">
        <v>2388</v>
      </c>
      <c r="C191" s="8" t="s">
        <v>2389</v>
      </c>
      <c r="D191" s="7" t="s">
        <v>2390</v>
      </c>
      <c r="E191" s="8" t="s">
        <v>2391</v>
      </c>
      <c r="F191" s="7">
        <v>12</v>
      </c>
      <c r="G191" s="9">
        <v>9</v>
      </c>
      <c r="H191" s="7">
        <v>0</v>
      </c>
      <c r="I191" s="7" t="s">
        <v>1965</v>
      </c>
      <c r="J191" s="7" t="s">
        <v>2392</v>
      </c>
      <c r="K191" s="7" t="s">
        <v>2393</v>
      </c>
      <c r="L191" s="7" t="s">
        <v>2394</v>
      </c>
      <c r="M191" s="7" t="s">
        <v>2395</v>
      </c>
      <c r="N191" s="7">
        <v>422002</v>
      </c>
      <c r="O191" s="8" t="s">
        <v>2396</v>
      </c>
      <c r="P191" s="7" t="s">
        <v>405</v>
      </c>
      <c r="Q191" s="7" t="s">
        <v>2397</v>
      </c>
      <c r="R191" s="7" t="s">
        <v>40</v>
      </c>
      <c r="S191" s="7" t="s">
        <v>40</v>
      </c>
      <c r="T191" s="7" t="s">
        <v>2398</v>
      </c>
      <c r="U191" s="7">
        <v>422002</v>
      </c>
      <c r="V191" s="8" t="s">
        <v>2399</v>
      </c>
      <c r="W191" s="8" t="s">
        <v>43</v>
      </c>
      <c r="X191" s="8" t="s">
        <v>44</v>
      </c>
      <c r="Y191" s="7" t="s">
        <v>45</v>
      </c>
      <c r="Z191" s="8" t="s">
        <v>2400</v>
      </c>
      <c r="AA191" s="8" t="s">
        <v>40</v>
      </c>
      <c r="AB191" s="8" t="s">
        <v>47</v>
      </c>
      <c r="AC191" s="7" t="s">
        <v>2401</v>
      </c>
      <c r="AD191" s="7" t="s">
        <v>2402</v>
      </c>
    </row>
    <row r="192" spans="1:30" ht="30" x14ac:dyDescent="0.25">
      <c r="A192" s="7">
        <v>189</v>
      </c>
      <c r="B192" s="8" t="s">
        <v>1097</v>
      </c>
      <c r="C192" s="8" t="s">
        <v>2403</v>
      </c>
      <c r="D192" s="7" t="s">
        <v>2404</v>
      </c>
      <c r="E192" s="8" t="s">
        <v>2405</v>
      </c>
      <c r="F192" s="7">
        <v>1</v>
      </c>
      <c r="G192" s="9">
        <v>0.75</v>
      </c>
      <c r="H192" s="7">
        <v>0</v>
      </c>
      <c r="I192" s="7" t="s">
        <v>1965</v>
      </c>
      <c r="J192" s="7" t="s">
        <v>2406</v>
      </c>
      <c r="K192" s="7" t="s">
        <v>2407</v>
      </c>
      <c r="L192" s="7" t="s">
        <v>40</v>
      </c>
      <c r="M192" s="7" t="s">
        <v>2408</v>
      </c>
      <c r="N192" s="7">
        <v>431122</v>
      </c>
      <c r="O192" s="8" t="s">
        <v>2409</v>
      </c>
      <c r="P192" s="7" t="s">
        <v>38</v>
      </c>
      <c r="Q192" s="7" t="s">
        <v>2410</v>
      </c>
      <c r="R192" s="7" t="s">
        <v>40</v>
      </c>
      <c r="S192" s="7" t="s">
        <v>40</v>
      </c>
      <c r="T192" s="7" t="s">
        <v>2411</v>
      </c>
      <c r="U192" s="7">
        <v>431122</v>
      </c>
      <c r="V192" s="8" t="s">
        <v>2412</v>
      </c>
      <c r="W192" s="8" t="s">
        <v>43</v>
      </c>
      <c r="X192" s="8" t="s">
        <v>44</v>
      </c>
      <c r="Y192" s="7" t="s">
        <v>45</v>
      </c>
      <c r="Z192" s="8" t="s">
        <v>2413</v>
      </c>
      <c r="AA192" s="8" t="s">
        <v>40</v>
      </c>
      <c r="AB192" s="8" t="s">
        <v>47</v>
      </c>
      <c r="AC192" s="7" t="s">
        <v>2414</v>
      </c>
      <c r="AD192" s="7" t="s">
        <v>2415</v>
      </c>
    </row>
    <row r="193" spans="1:30" ht="30" x14ac:dyDescent="0.25">
      <c r="A193" s="7">
        <v>190</v>
      </c>
      <c r="B193" s="8" t="s">
        <v>436</v>
      </c>
      <c r="C193" s="8" t="s">
        <v>2416</v>
      </c>
      <c r="D193" s="7" t="s">
        <v>2417</v>
      </c>
      <c r="E193" s="8" t="s">
        <v>2418</v>
      </c>
      <c r="F193" s="7">
        <v>12</v>
      </c>
      <c r="G193" s="9">
        <v>9</v>
      </c>
      <c r="H193" s="7">
        <v>0</v>
      </c>
      <c r="I193" s="7" t="s">
        <v>1965</v>
      </c>
      <c r="J193" s="7" t="s">
        <v>2419</v>
      </c>
      <c r="K193" s="7" t="s">
        <v>2420</v>
      </c>
      <c r="L193" s="7" t="s">
        <v>40</v>
      </c>
      <c r="M193" s="7" t="s">
        <v>2421</v>
      </c>
      <c r="N193" s="7">
        <v>452001</v>
      </c>
      <c r="O193" s="8" t="s">
        <v>2422</v>
      </c>
      <c r="P193" s="7" t="s">
        <v>405</v>
      </c>
      <c r="Q193" s="7" t="s">
        <v>2423</v>
      </c>
      <c r="R193" s="7" t="s">
        <v>40</v>
      </c>
      <c r="S193" s="7" t="s">
        <v>40</v>
      </c>
      <c r="T193" s="7" t="s">
        <v>1675</v>
      </c>
      <c r="U193" s="7">
        <v>452001</v>
      </c>
      <c r="V193" s="8" t="s">
        <v>2424</v>
      </c>
      <c r="W193" s="8" t="s">
        <v>43</v>
      </c>
      <c r="X193" s="8" t="s">
        <v>44</v>
      </c>
      <c r="Y193" s="7" t="s">
        <v>45</v>
      </c>
      <c r="Z193" s="8" t="s">
        <v>2425</v>
      </c>
      <c r="AA193" s="8" t="s">
        <v>40</v>
      </c>
      <c r="AB193" s="8" t="s">
        <v>47</v>
      </c>
      <c r="AC193" s="7" t="s">
        <v>40</v>
      </c>
      <c r="AD193" s="7" t="s">
        <v>2426</v>
      </c>
    </row>
    <row r="194" spans="1:30" x14ac:dyDescent="0.25">
      <c r="A194" s="7">
        <v>191</v>
      </c>
      <c r="B194" s="8" t="s">
        <v>2427</v>
      </c>
      <c r="C194" s="8" t="s">
        <v>2428</v>
      </c>
      <c r="D194" s="7" t="s">
        <v>2429</v>
      </c>
      <c r="E194" s="8" t="s">
        <v>2430</v>
      </c>
      <c r="F194" s="7">
        <v>1</v>
      </c>
      <c r="G194" s="9">
        <v>0.75</v>
      </c>
      <c r="H194" s="7">
        <v>0</v>
      </c>
      <c r="I194" s="7" t="s">
        <v>1965</v>
      </c>
      <c r="J194" s="7" t="s">
        <v>2431</v>
      </c>
      <c r="K194" s="7" t="s">
        <v>2432</v>
      </c>
      <c r="L194" s="7" t="s">
        <v>40</v>
      </c>
      <c r="M194" s="7" t="s">
        <v>753</v>
      </c>
      <c r="N194" s="7">
        <v>500029</v>
      </c>
      <c r="O194" s="8" t="s">
        <v>2433</v>
      </c>
      <c r="P194" s="7" t="s">
        <v>38</v>
      </c>
      <c r="Q194" s="7" t="s">
        <v>2434</v>
      </c>
      <c r="R194" s="7" t="s">
        <v>2435</v>
      </c>
      <c r="S194" s="7" t="s">
        <v>2436</v>
      </c>
      <c r="T194" s="7" t="s">
        <v>753</v>
      </c>
      <c r="U194" s="7">
        <v>500066</v>
      </c>
      <c r="V194" s="8" t="s">
        <v>2437</v>
      </c>
      <c r="W194" s="8" t="s">
        <v>43</v>
      </c>
      <c r="X194" s="8" t="s">
        <v>44</v>
      </c>
      <c r="Y194" s="7" t="s">
        <v>45</v>
      </c>
      <c r="Z194" s="8" t="s">
        <v>2438</v>
      </c>
      <c r="AA194" s="8" t="s">
        <v>40</v>
      </c>
      <c r="AB194" s="8" t="s">
        <v>47</v>
      </c>
      <c r="AC194" s="7" t="s">
        <v>40</v>
      </c>
      <c r="AD194" s="7" t="s">
        <v>2439</v>
      </c>
    </row>
    <row r="195" spans="1:30" x14ac:dyDescent="0.25">
      <c r="A195" s="7">
        <v>192</v>
      </c>
      <c r="B195" s="8" t="s">
        <v>644</v>
      </c>
      <c r="C195" s="8" t="s">
        <v>2440</v>
      </c>
      <c r="D195" s="7" t="s">
        <v>2441</v>
      </c>
      <c r="E195" s="8" t="s">
        <v>2442</v>
      </c>
      <c r="F195" s="7">
        <v>50</v>
      </c>
      <c r="G195" s="9">
        <v>37.5</v>
      </c>
      <c r="H195" s="7">
        <v>0</v>
      </c>
      <c r="I195" s="7" t="s">
        <v>1965</v>
      </c>
      <c r="J195" s="7" t="s">
        <v>2443</v>
      </c>
      <c r="K195" s="7" t="s">
        <v>2444</v>
      </c>
      <c r="L195" s="7" t="s">
        <v>2445</v>
      </c>
      <c r="M195" s="7" t="s">
        <v>753</v>
      </c>
      <c r="N195" s="7">
        <v>500057</v>
      </c>
      <c r="O195" s="8" t="s">
        <v>2446</v>
      </c>
      <c r="P195" s="7" t="s">
        <v>818</v>
      </c>
      <c r="Q195" s="7" t="s">
        <v>2447</v>
      </c>
      <c r="R195" s="7" t="s">
        <v>40</v>
      </c>
      <c r="S195" s="7" t="s">
        <v>40</v>
      </c>
      <c r="T195" s="7" t="s">
        <v>753</v>
      </c>
      <c r="U195" s="7">
        <v>500057</v>
      </c>
      <c r="V195" s="8" t="s">
        <v>2448</v>
      </c>
      <c r="W195" s="8" t="s">
        <v>43</v>
      </c>
      <c r="X195" s="8" t="s">
        <v>44</v>
      </c>
      <c r="Y195" s="7" t="s">
        <v>45</v>
      </c>
      <c r="Z195" s="8" t="s">
        <v>40</v>
      </c>
      <c r="AA195" s="8" t="s">
        <v>40</v>
      </c>
      <c r="AB195" s="8" t="s">
        <v>47</v>
      </c>
      <c r="AC195" s="7" t="s">
        <v>40</v>
      </c>
      <c r="AD195" s="7" t="s">
        <v>2449</v>
      </c>
    </row>
    <row r="196" spans="1:30" ht="30" x14ac:dyDescent="0.25">
      <c r="A196" s="7">
        <v>193</v>
      </c>
      <c r="B196" s="8" t="s">
        <v>2450</v>
      </c>
      <c r="C196" s="8" t="s">
        <v>2451</v>
      </c>
      <c r="D196" s="7" t="s">
        <v>2452</v>
      </c>
      <c r="E196" s="8" t="s">
        <v>2453</v>
      </c>
      <c r="F196" s="7">
        <v>10</v>
      </c>
      <c r="G196" s="9">
        <v>7.5</v>
      </c>
      <c r="H196" s="7">
        <v>0</v>
      </c>
      <c r="I196" s="7" t="s">
        <v>1965</v>
      </c>
      <c r="J196" s="7" t="s">
        <v>2454</v>
      </c>
      <c r="K196" s="7" t="s">
        <v>2455</v>
      </c>
      <c r="L196" s="7" t="s">
        <v>2456</v>
      </c>
      <c r="M196" s="7" t="s">
        <v>2457</v>
      </c>
      <c r="N196" s="7">
        <v>500075</v>
      </c>
      <c r="O196" s="8" t="s">
        <v>2458</v>
      </c>
      <c r="P196" s="7" t="s">
        <v>1970</v>
      </c>
      <c r="Q196" s="7" t="s">
        <v>2459</v>
      </c>
      <c r="R196" s="7" t="s">
        <v>2460</v>
      </c>
      <c r="S196" s="7" t="s">
        <v>40</v>
      </c>
      <c r="T196" s="7" t="s">
        <v>2461</v>
      </c>
      <c r="U196" s="7">
        <v>500075</v>
      </c>
      <c r="V196" s="8" t="s">
        <v>2462</v>
      </c>
      <c r="W196" s="8" t="s">
        <v>43</v>
      </c>
      <c r="X196" s="8" t="s">
        <v>44</v>
      </c>
      <c r="Y196" s="7" t="s">
        <v>45</v>
      </c>
      <c r="Z196" s="8" t="s">
        <v>2463</v>
      </c>
      <c r="AA196" s="8" t="s">
        <v>40</v>
      </c>
      <c r="AB196" s="8" t="s">
        <v>47</v>
      </c>
      <c r="AC196" s="7" t="s">
        <v>40</v>
      </c>
      <c r="AD196" s="7" t="s">
        <v>2464</v>
      </c>
    </row>
    <row r="197" spans="1:30" ht="30" x14ac:dyDescent="0.25">
      <c r="A197" s="7">
        <v>194</v>
      </c>
      <c r="B197" s="8" t="s">
        <v>210</v>
      </c>
      <c r="C197" s="8" t="s">
        <v>2465</v>
      </c>
      <c r="D197" s="7" t="s">
        <v>2466</v>
      </c>
      <c r="E197" s="8" t="s">
        <v>2467</v>
      </c>
      <c r="F197" s="7">
        <v>1</v>
      </c>
      <c r="G197" s="9">
        <v>0.75</v>
      </c>
      <c r="H197" s="7">
        <v>0</v>
      </c>
      <c r="I197" s="7" t="s">
        <v>1965</v>
      </c>
      <c r="J197" s="7" t="s">
        <v>2468</v>
      </c>
      <c r="K197" s="7" t="s">
        <v>2469</v>
      </c>
      <c r="L197" s="7" t="s">
        <v>40</v>
      </c>
      <c r="M197" s="7" t="s">
        <v>2470</v>
      </c>
      <c r="N197" s="7">
        <v>520007</v>
      </c>
      <c r="O197" s="8" t="s">
        <v>2471</v>
      </c>
      <c r="P197" s="7" t="s">
        <v>38</v>
      </c>
      <c r="Q197" s="7" t="s">
        <v>2472</v>
      </c>
      <c r="R197" s="7" t="s">
        <v>40</v>
      </c>
      <c r="S197" s="7" t="s">
        <v>40</v>
      </c>
      <c r="T197" s="7" t="s">
        <v>2473</v>
      </c>
      <c r="U197" s="7">
        <v>520007</v>
      </c>
      <c r="V197" s="8" t="s">
        <v>2474</v>
      </c>
      <c r="W197" s="8" t="s">
        <v>43</v>
      </c>
      <c r="X197" s="8" t="s">
        <v>44</v>
      </c>
      <c r="Y197" s="7" t="s">
        <v>45</v>
      </c>
      <c r="Z197" s="8" t="s">
        <v>2475</v>
      </c>
      <c r="AA197" s="8" t="s">
        <v>40</v>
      </c>
      <c r="AB197" s="8" t="s">
        <v>47</v>
      </c>
      <c r="AC197" s="7" t="s">
        <v>2476</v>
      </c>
      <c r="AD197" s="7" t="s">
        <v>2477</v>
      </c>
    </row>
    <row r="198" spans="1:30" ht="30" x14ac:dyDescent="0.25">
      <c r="A198" s="7">
        <v>195</v>
      </c>
      <c r="B198" s="8" t="s">
        <v>1097</v>
      </c>
      <c r="C198" s="8" t="s">
        <v>2478</v>
      </c>
      <c r="D198" s="7" t="s">
        <v>2479</v>
      </c>
      <c r="E198" s="8" t="s">
        <v>2480</v>
      </c>
      <c r="F198" s="7">
        <v>1</v>
      </c>
      <c r="G198" s="9">
        <v>0.75</v>
      </c>
      <c r="H198" s="7">
        <v>0</v>
      </c>
      <c r="I198" s="7" t="s">
        <v>1965</v>
      </c>
      <c r="J198" s="7" t="s">
        <v>2481</v>
      </c>
      <c r="K198" s="7" t="s">
        <v>2482</v>
      </c>
      <c r="L198" s="7" t="s">
        <v>2483</v>
      </c>
      <c r="M198" s="7" t="s">
        <v>2484</v>
      </c>
      <c r="N198" s="7">
        <v>532222</v>
      </c>
      <c r="O198" s="8" t="s">
        <v>2485</v>
      </c>
      <c r="P198" s="7" t="s">
        <v>38</v>
      </c>
      <c r="Q198" s="7" t="s">
        <v>2486</v>
      </c>
      <c r="R198" s="7" t="s">
        <v>2487</v>
      </c>
      <c r="S198" s="7" t="s">
        <v>2488</v>
      </c>
      <c r="T198" s="7" t="s">
        <v>2483</v>
      </c>
      <c r="U198" s="7">
        <v>532221</v>
      </c>
      <c r="V198" s="8" t="s">
        <v>2489</v>
      </c>
      <c r="W198" s="8" t="s">
        <v>43</v>
      </c>
      <c r="X198" s="8" t="s">
        <v>44</v>
      </c>
      <c r="Y198" s="7" t="s">
        <v>45</v>
      </c>
      <c r="Z198" s="8" t="s">
        <v>2490</v>
      </c>
      <c r="AA198" s="8" t="s">
        <v>40</v>
      </c>
      <c r="AB198" s="8" t="s">
        <v>47</v>
      </c>
      <c r="AC198" s="7" t="s">
        <v>2491</v>
      </c>
      <c r="AD198" s="7" t="s">
        <v>2492</v>
      </c>
    </row>
    <row r="199" spans="1:30" x14ac:dyDescent="0.25">
      <c r="A199" s="7">
        <v>196</v>
      </c>
      <c r="B199" s="8" t="s">
        <v>2493</v>
      </c>
      <c r="C199" s="8" t="s">
        <v>2494</v>
      </c>
      <c r="D199" s="7" t="s">
        <v>2495</v>
      </c>
      <c r="E199" s="8" t="s">
        <v>2496</v>
      </c>
      <c r="F199" s="7">
        <v>100</v>
      </c>
      <c r="G199" s="9">
        <v>75</v>
      </c>
      <c r="H199" s="7">
        <v>0</v>
      </c>
      <c r="I199" s="7" t="s">
        <v>1965</v>
      </c>
      <c r="J199" s="7" t="s">
        <v>2497</v>
      </c>
      <c r="K199" s="7" t="s">
        <v>2498</v>
      </c>
      <c r="L199" s="7" t="s">
        <v>2499</v>
      </c>
      <c r="M199" s="7" t="s">
        <v>2500</v>
      </c>
      <c r="N199" s="7">
        <v>534002</v>
      </c>
      <c r="O199" s="8" t="s">
        <v>2501</v>
      </c>
      <c r="P199" s="7" t="s">
        <v>2502</v>
      </c>
      <c r="Q199" s="7" t="s">
        <v>2502</v>
      </c>
      <c r="R199" s="7" t="s">
        <v>2503</v>
      </c>
      <c r="S199" s="7" t="s">
        <v>2504</v>
      </c>
      <c r="T199" s="7" t="s">
        <v>2504</v>
      </c>
      <c r="U199" s="7">
        <v>534002</v>
      </c>
      <c r="V199" s="8" t="s">
        <v>2505</v>
      </c>
      <c r="W199" s="8" t="s">
        <v>43</v>
      </c>
      <c r="X199" s="8" t="s">
        <v>44</v>
      </c>
      <c r="Y199" s="7" t="s">
        <v>45</v>
      </c>
      <c r="Z199" s="8" t="s">
        <v>2506</v>
      </c>
      <c r="AA199" s="8" t="s">
        <v>40</v>
      </c>
      <c r="AB199" s="8" t="s">
        <v>47</v>
      </c>
      <c r="AC199" s="7" t="s">
        <v>2507</v>
      </c>
      <c r="AD199" s="7" t="s">
        <v>2508</v>
      </c>
    </row>
    <row r="200" spans="1:30" x14ac:dyDescent="0.25">
      <c r="A200" s="7">
        <v>197</v>
      </c>
      <c r="B200" s="8" t="s">
        <v>874</v>
      </c>
      <c r="C200" s="8" t="s">
        <v>2509</v>
      </c>
      <c r="D200" s="7" t="s">
        <v>2510</v>
      </c>
      <c r="E200" s="8" t="s">
        <v>2511</v>
      </c>
      <c r="F200" s="7">
        <v>50</v>
      </c>
      <c r="G200" s="9">
        <v>37.5</v>
      </c>
      <c r="H200" s="7">
        <v>0</v>
      </c>
      <c r="I200" s="7" t="s">
        <v>1965</v>
      </c>
      <c r="J200" s="7" t="s">
        <v>2512</v>
      </c>
      <c r="K200" s="7" t="s">
        <v>2513</v>
      </c>
      <c r="L200" s="7" t="s">
        <v>2514</v>
      </c>
      <c r="M200" s="7" t="s">
        <v>1154</v>
      </c>
      <c r="N200" s="7">
        <v>560021</v>
      </c>
      <c r="O200" s="8" t="s">
        <v>2515</v>
      </c>
      <c r="P200" s="7" t="s">
        <v>147</v>
      </c>
      <c r="Q200" s="7" t="s">
        <v>1755</v>
      </c>
      <c r="R200" s="7" t="s">
        <v>1154</v>
      </c>
      <c r="S200" s="7" t="s">
        <v>1154</v>
      </c>
      <c r="T200" s="7" t="s">
        <v>1154</v>
      </c>
      <c r="U200" s="7">
        <v>560024</v>
      </c>
      <c r="V200" s="8" t="s">
        <v>2516</v>
      </c>
      <c r="W200" s="8" t="s">
        <v>43</v>
      </c>
      <c r="X200" s="8" t="s">
        <v>44</v>
      </c>
      <c r="Y200" s="7" t="s">
        <v>45</v>
      </c>
      <c r="Z200" s="8" t="s">
        <v>2517</v>
      </c>
      <c r="AA200" s="8" t="s">
        <v>40</v>
      </c>
      <c r="AB200" s="8" t="s">
        <v>47</v>
      </c>
      <c r="AC200" s="7" t="s">
        <v>40</v>
      </c>
      <c r="AD200" s="7" t="s">
        <v>2518</v>
      </c>
    </row>
    <row r="201" spans="1:30" x14ac:dyDescent="0.25">
      <c r="A201" s="7">
        <v>198</v>
      </c>
      <c r="B201" s="8" t="s">
        <v>2519</v>
      </c>
      <c r="C201" s="8" t="s">
        <v>2520</v>
      </c>
      <c r="D201" s="7" t="s">
        <v>2521</v>
      </c>
      <c r="E201" s="8" t="s">
        <v>2522</v>
      </c>
      <c r="F201" s="7">
        <v>50</v>
      </c>
      <c r="G201" s="9">
        <v>37.5</v>
      </c>
      <c r="H201" s="7">
        <v>0</v>
      </c>
      <c r="I201" s="7" t="s">
        <v>1965</v>
      </c>
      <c r="J201" s="7" t="s">
        <v>2523</v>
      </c>
      <c r="K201" s="7" t="s">
        <v>2524</v>
      </c>
      <c r="L201" s="7" t="s">
        <v>2525</v>
      </c>
      <c r="M201" s="7" t="s">
        <v>1154</v>
      </c>
      <c r="N201" s="7">
        <v>560050</v>
      </c>
      <c r="O201" s="8" t="s">
        <v>2526</v>
      </c>
      <c r="P201" s="7" t="s">
        <v>1231</v>
      </c>
      <c r="Q201" s="7" t="s">
        <v>2527</v>
      </c>
      <c r="R201" s="7" t="s">
        <v>2528</v>
      </c>
      <c r="S201" s="7" t="s">
        <v>40</v>
      </c>
      <c r="T201" s="7" t="s">
        <v>1154</v>
      </c>
      <c r="U201" s="7">
        <v>560085</v>
      </c>
      <c r="V201" s="8" t="s">
        <v>2529</v>
      </c>
      <c r="W201" s="8" t="s">
        <v>43</v>
      </c>
      <c r="X201" s="8" t="s">
        <v>44</v>
      </c>
      <c r="Y201" s="7" t="s">
        <v>45</v>
      </c>
      <c r="Z201" s="8" t="s">
        <v>40</v>
      </c>
      <c r="AA201" s="8" t="s">
        <v>40</v>
      </c>
      <c r="AB201" s="8" t="s">
        <v>47</v>
      </c>
      <c r="AC201" s="7" t="s">
        <v>40</v>
      </c>
      <c r="AD201" s="7" t="s">
        <v>2530</v>
      </c>
    </row>
    <row r="202" spans="1:30" x14ac:dyDescent="0.25">
      <c r="A202" s="7">
        <v>199</v>
      </c>
      <c r="B202" s="8" t="s">
        <v>2531</v>
      </c>
      <c r="C202" s="8" t="s">
        <v>2532</v>
      </c>
      <c r="D202" s="7" t="s">
        <v>2533</v>
      </c>
      <c r="E202" s="8" t="s">
        <v>2534</v>
      </c>
      <c r="F202" s="7">
        <v>50</v>
      </c>
      <c r="G202" s="9">
        <v>37.5</v>
      </c>
      <c r="H202" s="7">
        <v>0</v>
      </c>
      <c r="I202" s="7" t="s">
        <v>1965</v>
      </c>
      <c r="J202" s="7" t="s">
        <v>2535</v>
      </c>
      <c r="K202" s="7" t="s">
        <v>2536</v>
      </c>
      <c r="L202" s="7" t="s">
        <v>2537</v>
      </c>
      <c r="M202" s="7" t="s">
        <v>1154</v>
      </c>
      <c r="N202" s="7">
        <v>560063</v>
      </c>
      <c r="O202" s="8" t="s">
        <v>2538</v>
      </c>
      <c r="P202" s="7" t="s">
        <v>38</v>
      </c>
      <c r="Q202" s="7" t="s">
        <v>2358</v>
      </c>
      <c r="R202" s="7" t="s">
        <v>40</v>
      </c>
      <c r="S202" s="7" t="s">
        <v>2537</v>
      </c>
      <c r="T202" s="7" t="s">
        <v>1154</v>
      </c>
      <c r="U202" s="7">
        <v>560063</v>
      </c>
      <c r="V202" s="8" t="s">
        <v>2539</v>
      </c>
      <c r="W202" s="8" t="s">
        <v>43</v>
      </c>
      <c r="X202" s="8" t="s">
        <v>44</v>
      </c>
      <c r="Y202" s="7" t="s">
        <v>45</v>
      </c>
      <c r="Z202" s="8" t="s">
        <v>2540</v>
      </c>
      <c r="AA202" s="8" t="s">
        <v>40</v>
      </c>
      <c r="AB202" s="8" t="s">
        <v>47</v>
      </c>
      <c r="AC202" s="7" t="s">
        <v>40</v>
      </c>
      <c r="AD202" s="7" t="s">
        <v>2541</v>
      </c>
    </row>
    <row r="203" spans="1:30" ht="30" x14ac:dyDescent="0.25">
      <c r="A203" s="7">
        <v>200</v>
      </c>
      <c r="B203" s="8" t="s">
        <v>1097</v>
      </c>
      <c r="C203" s="8" t="s">
        <v>2542</v>
      </c>
      <c r="D203" s="7" t="s">
        <v>2543</v>
      </c>
      <c r="E203" s="8" t="s">
        <v>2544</v>
      </c>
      <c r="F203" s="7">
        <v>1</v>
      </c>
      <c r="G203" s="9">
        <v>0.75</v>
      </c>
      <c r="H203" s="7">
        <v>0</v>
      </c>
      <c r="I203" s="7" t="s">
        <v>1965</v>
      </c>
      <c r="J203" s="7" t="s">
        <v>2545</v>
      </c>
      <c r="K203" s="7" t="s">
        <v>2546</v>
      </c>
      <c r="L203" s="7" t="s">
        <v>40</v>
      </c>
      <c r="M203" s="7" t="s">
        <v>2547</v>
      </c>
      <c r="N203" s="7">
        <v>560075</v>
      </c>
      <c r="O203" s="8" t="s">
        <v>2548</v>
      </c>
      <c r="P203" s="7" t="s">
        <v>38</v>
      </c>
      <c r="Q203" s="7" t="s">
        <v>2549</v>
      </c>
      <c r="R203" s="7" t="s">
        <v>40</v>
      </c>
      <c r="S203" s="7" t="s">
        <v>40</v>
      </c>
      <c r="T203" s="7" t="s">
        <v>1154</v>
      </c>
      <c r="U203" s="7">
        <v>560038</v>
      </c>
      <c r="V203" s="8" t="s">
        <v>2550</v>
      </c>
      <c r="W203" s="8" t="s">
        <v>43</v>
      </c>
      <c r="X203" s="8" t="s">
        <v>44</v>
      </c>
      <c r="Y203" s="7" t="s">
        <v>45</v>
      </c>
      <c r="Z203" s="8" t="s">
        <v>2551</v>
      </c>
      <c r="AA203" s="8" t="s">
        <v>40</v>
      </c>
      <c r="AB203" s="8" t="s">
        <v>47</v>
      </c>
      <c r="AC203" s="7" t="s">
        <v>2552</v>
      </c>
      <c r="AD203" s="7" t="s">
        <v>2553</v>
      </c>
    </row>
    <row r="204" spans="1:30" ht="30" x14ac:dyDescent="0.25">
      <c r="A204" s="7">
        <v>201</v>
      </c>
      <c r="B204" s="8" t="s">
        <v>1097</v>
      </c>
      <c r="C204" s="8" t="s">
        <v>2554</v>
      </c>
      <c r="D204" s="7" t="s">
        <v>2555</v>
      </c>
      <c r="E204" s="8" t="s">
        <v>2556</v>
      </c>
      <c r="F204" s="7">
        <v>1</v>
      </c>
      <c r="G204" s="9">
        <v>0.75</v>
      </c>
      <c r="H204" s="7">
        <v>0</v>
      </c>
      <c r="I204" s="7" t="s">
        <v>1965</v>
      </c>
      <c r="J204" s="7" t="s">
        <v>2557</v>
      </c>
      <c r="K204" s="7" t="s">
        <v>2558</v>
      </c>
      <c r="L204" s="7" t="s">
        <v>2559</v>
      </c>
      <c r="M204" s="7" t="s">
        <v>854</v>
      </c>
      <c r="N204" s="7">
        <v>560078</v>
      </c>
      <c r="O204" s="8" t="s">
        <v>2560</v>
      </c>
      <c r="P204" s="7" t="s">
        <v>38</v>
      </c>
      <c r="Q204" s="7" t="s">
        <v>2561</v>
      </c>
      <c r="R204" s="7" t="s">
        <v>2562</v>
      </c>
      <c r="S204" s="7" t="s">
        <v>2563</v>
      </c>
      <c r="T204" s="7" t="s">
        <v>1154</v>
      </c>
      <c r="U204" s="7">
        <v>560078</v>
      </c>
      <c r="V204" s="8" t="s">
        <v>2564</v>
      </c>
      <c r="W204" s="8" t="s">
        <v>43</v>
      </c>
      <c r="X204" s="8" t="s">
        <v>44</v>
      </c>
      <c r="Y204" s="7" t="s">
        <v>45</v>
      </c>
      <c r="Z204" s="8" t="s">
        <v>2565</v>
      </c>
      <c r="AA204" s="8" t="s">
        <v>40</v>
      </c>
      <c r="AB204" s="8" t="s">
        <v>47</v>
      </c>
      <c r="AC204" s="7" t="s">
        <v>2566</v>
      </c>
      <c r="AD204" s="7" t="s">
        <v>2567</v>
      </c>
    </row>
    <row r="205" spans="1:30" x14ac:dyDescent="0.25">
      <c r="A205" s="7">
        <v>202</v>
      </c>
      <c r="B205" s="8" t="s">
        <v>1497</v>
      </c>
      <c r="C205" s="8" t="s">
        <v>2568</v>
      </c>
      <c r="D205" s="7" t="s">
        <v>2569</v>
      </c>
      <c r="E205" s="8" t="s">
        <v>2570</v>
      </c>
      <c r="F205" s="7">
        <v>50</v>
      </c>
      <c r="G205" s="9">
        <v>37.5</v>
      </c>
      <c r="H205" s="7">
        <v>0</v>
      </c>
      <c r="I205" s="7" t="s">
        <v>1965</v>
      </c>
      <c r="J205" s="7" t="s">
        <v>2571</v>
      </c>
      <c r="K205" s="7" t="s">
        <v>2572</v>
      </c>
      <c r="L205" s="7" t="s">
        <v>2573</v>
      </c>
      <c r="M205" s="7" t="s">
        <v>1154</v>
      </c>
      <c r="N205" s="7">
        <v>560086</v>
      </c>
      <c r="O205" s="8" t="s">
        <v>2574</v>
      </c>
      <c r="P205" s="7" t="s">
        <v>38</v>
      </c>
      <c r="Q205" s="7" t="s">
        <v>219</v>
      </c>
      <c r="R205" s="7" t="s">
        <v>2575</v>
      </c>
      <c r="S205" s="7" t="s">
        <v>2576</v>
      </c>
      <c r="T205" s="7" t="s">
        <v>1154</v>
      </c>
      <c r="U205" s="7">
        <v>560017</v>
      </c>
      <c r="V205" s="8" t="s">
        <v>2577</v>
      </c>
      <c r="W205" s="8" t="s">
        <v>43</v>
      </c>
      <c r="X205" s="8" t="s">
        <v>44</v>
      </c>
      <c r="Y205" s="7" t="s">
        <v>45</v>
      </c>
      <c r="Z205" s="8" t="s">
        <v>2578</v>
      </c>
      <c r="AA205" s="8" t="s">
        <v>2579</v>
      </c>
      <c r="AB205" s="8" t="s">
        <v>47</v>
      </c>
      <c r="AC205" s="7" t="s">
        <v>40</v>
      </c>
      <c r="AD205" s="7" t="s">
        <v>2580</v>
      </c>
    </row>
    <row r="206" spans="1:30" ht="30" x14ac:dyDescent="0.25">
      <c r="A206" s="7">
        <v>203</v>
      </c>
      <c r="B206" s="8" t="s">
        <v>210</v>
      </c>
      <c r="C206" s="8" t="s">
        <v>2581</v>
      </c>
      <c r="D206" s="7" t="s">
        <v>2582</v>
      </c>
      <c r="E206" s="8" t="s">
        <v>2583</v>
      </c>
      <c r="F206" s="7">
        <v>1</v>
      </c>
      <c r="G206" s="9">
        <v>0.75</v>
      </c>
      <c r="H206" s="7">
        <v>0</v>
      </c>
      <c r="I206" s="7" t="s">
        <v>1965</v>
      </c>
      <c r="J206" s="7" t="s">
        <v>38</v>
      </c>
      <c r="K206" s="7" t="s">
        <v>2584</v>
      </c>
      <c r="L206" s="7" t="s">
        <v>2585</v>
      </c>
      <c r="M206" s="7" t="s">
        <v>2586</v>
      </c>
      <c r="N206" s="7">
        <v>577301</v>
      </c>
      <c r="O206" s="8" t="s">
        <v>2587</v>
      </c>
      <c r="P206" s="7" t="s">
        <v>38</v>
      </c>
      <c r="Q206" s="7" t="s">
        <v>2588</v>
      </c>
      <c r="R206" s="7" t="s">
        <v>40</v>
      </c>
      <c r="S206" s="7" t="s">
        <v>40</v>
      </c>
      <c r="T206" s="7" t="s">
        <v>2588</v>
      </c>
      <c r="U206" s="7">
        <v>577301</v>
      </c>
      <c r="V206" s="8" t="s">
        <v>2589</v>
      </c>
      <c r="W206" s="8" t="s">
        <v>43</v>
      </c>
      <c r="X206" s="8" t="s">
        <v>44</v>
      </c>
      <c r="Y206" s="7" t="s">
        <v>45</v>
      </c>
      <c r="Z206" s="8" t="s">
        <v>2590</v>
      </c>
      <c r="AA206" s="8" t="s">
        <v>40</v>
      </c>
      <c r="AB206" s="8" t="s">
        <v>47</v>
      </c>
      <c r="AC206" s="7" t="s">
        <v>2591</v>
      </c>
      <c r="AD206" s="7" t="s">
        <v>2592</v>
      </c>
    </row>
    <row r="207" spans="1:30" ht="30" x14ac:dyDescent="0.25">
      <c r="A207" s="7">
        <v>204</v>
      </c>
      <c r="B207" s="8" t="s">
        <v>727</v>
      </c>
      <c r="C207" s="8" t="s">
        <v>2593</v>
      </c>
      <c r="D207" s="7" t="s">
        <v>2594</v>
      </c>
      <c r="E207" s="8" t="s">
        <v>2595</v>
      </c>
      <c r="F207" s="7">
        <v>10</v>
      </c>
      <c r="G207" s="9">
        <v>7.5</v>
      </c>
      <c r="H207" s="7">
        <v>0</v>
      </c>
      <c r="I207" s="7" t="s">
        <v>1965</v>
      </c>
      <c r="J207" s="7" t="s">
        <v>2596</v>
      </c>
      <c r="K207" s="7" t="s">
        <v>2597</v>
      </c>
      <c r="L207" s="7" t="s">
        <v>2598</v>
      </c>
      <c r="M207" s="7" t="s">
        <v>2599</v>
      </c>
      <c r="N207" s="7">
        <v>583201</v>
      </c>
      <c r="O207" s="8" t="s">
        <v>2600</v>
      </c>
      <c r="P207" s="7" t="s">
        <v>38</v>
      </c>
      <c r="Q207" s="7" t="s">
        <v>2601</v>
      </c>
      <c r="R207" s="7" t="s">
        <v>40</v>
      </c>
      <c r="S207" s="7" t="s">
        <v>40</v>
      </c>
      <c r="T207" s="7" t="s">
        <v>2602</v>
      </c>
      <c r="U207" s="7">
        <v>999999</v>
      </c>
      <c r="V207" s="8" t="s">
        <v>2603</v>
      </c>
      <c r="W207" s="8" t="s">
        <v>43</v>
      </c>
      <c r="X207" s="8" t="s">
        <v>44</v>
      </c>
      <c r="Y207" s="7" t="s">
        <v>45</v>
      </c>
      <c r="Z207" s="8" t="s">
        <v>2604</v>
      </c>
      <c r="AA207" s="8" t="s">
        <v>40</v>
      </c>
      <c r="AB207" s="8" t="s">
        <v>47</v>
      </c>
      <c r="AC207" s="7" t="s">
        <v>2605</v>
      </c>
      <c r="AD207" s="7" t="s">
        <v>2606</v>
      </c>
    </row>
    <row r="208" spans="1:30" x14ac:dyDescent="0.25">
      <c r="A208" s="7">
        <v>205</v>
      </c>
      <c r="B208" s="8" t="s">
        <v>1080</v>
      </c>
      <c r="C208" s="8" t="s">
        <v>2607</v>
      </c>
      <c r="D208" s="7" t="s">
        <v>2608</v>
      </c>
      <c r="E208" s="8" t="s">
        <v>2609</v>
      </c>
      <c r="F208" s="7">
        <v>50</v>
      </c>
      <c r="G208" s="9">
        <v>37.5</v>
      </c>
      <c r="H208" s="7">
        <v>0</v>
      </c>
      <c r="I208" s="7" t="s">
        <v>1965</v>
      </c>
      <c r="J208" s="7" t="s">
        <v>2610</v>
      </c>
      <c r="K208" s="7" t="s">
        <v>2611</v>
      </c>
      <c r="L208" s="7" t="s">
        <v>2612</v>
      </c>
      <c r="M208" s="7" t="s">
        <v>916</v>
      </c>
      <c r="N208" s="7">
        <v>600004</v>
      </c>
      <c r="O208" s="8" t="s">
        <v>2613</v>
      </c>
      <c r="P208" s="7" t="s">
        <v>1970</v>
      </c>
      <c r="Q208" s="7" t="s">
        <v>1970</v>
      </c>
      <c r="R208" s="7" t="s">
        <v>40</v>
      </c>
      <c r="S208" s="7" t="s">
        <v>2612</v>
      </c>
      <c r="T208" s="7" t="s">
        <v>916</v>
      </c>
      <c r="U208" s="7">
        <v>600004</v>
      </c>
      <c r="V208" s="8" t="s">
        <v>2614</v>
      </c>
      <c r="W208" s="8" t="s">
        <v>43</v>
      </c>
      <c r="X208" s="8" t="s">
        <v>44</v>
      </c>
      <c r="Y208" s="7" t="s">
        <v>2615</v>
      </c>
      <c r="Z208" s="8" t="s">
        <v>2616</v>
      </c>
      <c r="AA208" s="8" t="s">
        <v>40</v>
      </c>
      <c r="AB208" s="8" t="s">
        <v>47</v>
      </c>
      <c r="AC208" s="7" t="s">
        <v>40</v>
      </c>
      <c r="AD208" s="7" t="s">
        <v>2617</v>
      </c>
    </row>
    <row r="209" spans="1:30" ht="30" x14ac:dyDescent="0.25">
      <c r="A209" s="7">
        <v>206</v>
      </c>
      <c r="B209" s="8" t="s">
        <v>2618</v>
      </c>
      <c r="C209" s="8" t="s">
        <v>2619</v>
      </c>
      <c r="D209" s="7" t="s">
        <v>2620</v>
      </c>
      <c r="E209" s="8" t="s">
        <v>2621</v>
      </c>
      <c r="F209" s="7">
        <v>25</v>
      </c>
      <c r="G209" s="9">
        <v>18.75</v>
      </c>
      <c r="H209" s="7">
        <v>0</v>
      </c>
      <c r="I209" s="7" t="s">
        <v>1965</v>
      </c>
      <c r="J209" s="7" t="s">
        <v>2622</v>
      </c>
      <c r="K209" s="7" t="s">
        <v>2623</v>
      </c>
      <c r="L209" s="7" t="s">
        <v>2624</v>
      </c>
      <c r="M209" s="7" t="s">
        <v>2625</v>
      </c>
      <c r="N209" s="7">
        <v>600061</v>
      </c>
      <c r="O209" s="8" t="s">
        <v>2626</v>
      </c>
      <c r="P209" s="7" t="s">
        <v>1375</v>
      </c>
      <c r="Q209" s="7" t="s">
        <v>2627</v>
      </c>
      <c r="R209" s="7" t="s">
        <v>40</v>
      </c>
      <c r="S209" s="7" t="s">
        <v>40</v>
      </c>
      <c r="T209" s="7" t="s">
        <v>916</v>
      </c>
      <c r="U209" s="7">
        <v>600061</v>
      </c>
      <c r="V209" s="8" t="s">
        <v>2628</v>
      </c>
      <c r="W209" s="8" t="s">
        <v>43</v>
      </c>
      <c r="X209" s="8" t="s">
        <v>44</v>
      </c>
      <c r="Y209" s="7" t="s">
        <v>45</v>
      </c>
      <c r="Z209" s="8" t="s">
        <v>2629</v>
      </c>
      <c r="AA209" s="8" t="s">
        <v>40</v>
      </c>
      <c r="AB209" s="8" t="s">
        <v>47</v>
      </c>
      <c r="AC209" s="7" t="s">
        <v>2630</v>
      </c>
      <c r="AD209" s="7" t="s">
        <v>2631</v>
      </c>
    </row>
    <row r="210" spans="1:30" ht="30" x14ac:dyDescent="0.25">
      <c r="A210" s="7">
        <v>207</v>
      </c>
      <c r="B210" s="8" t="s">
        <v>1097</v>
      </c>
      <c r="C210" s="8" t="s">
        <v>2632</v>
      </c>
      <c r="D210" s="7" t="s">
        <v>2633</v>
      </c>
      <c r="E210" s="8" t="s">
        <v>2634</v>
      </c>
      <c r="F210" s="7">
        <v>1</v>
      </c>
      <c r="G210" s="9">
        <v>0.75</v>
      </c>
      <c r="H210" s="7">
        <v>0</v>
      </c>
      <c r="I210" s="7" t="s">
        <v>1965</v>
      </c>
      <c r="J210" s="7" t="s">
        <v>2635</v>
      </c>
      <c r="K210" s="7" t="s">
        <v>2636</v>
      </c>
      <c r="L210" s="7" t="s">
        <v>40</v>
      </c>
      <c r="M210" s="7" t="s">
        <v>2637</v>
      </c>
      <c r="N210" s="7">
        <v>624709</v>
      </c>
      <c r="O210" s="8" t="s">
        <v>2638</v>
      </c>
      <c r="P210" s="7" t="s">
        <v>38</v>
      </c>
      <c r="Q210" s="7" t="s">
        <v>2639</v>
      </c>
      <c r="R210" s="7" t="s">
        <v>40</v>
      </c>
      <c r="S210" s="7" t="s">
        <v>40</v>
      </c>
      <c r="T210" s="7" t="s">
        <v>2640</v>
      </c>
      <c r="U210" s="7">
        <v>624001</v>
      </c>
      <c r="V210" s="8" t="s">
        <v>2641</v>
      </c>
      <c r="W210" s="8" t="s">
        <v>43</v>
      </c>
      <c r="X210" s="8" t="s">
        <v>44</v>
      </c>
      <c r="Y210" s="7" t="s">
        <v>45</v>
      </c>
      <c r="Z210" s="8" t="s">
        <v>2642</v>
      </c>
      <c r="AA210" s="8" t="s">
        <v>40</v>
      </c>
      <c r="AB210" s="8" t="s">
        <v>47</v>
      </c>
      <c r="AC210" s="7" t="s">
        <v>2643</v>
      </c>
      <c r="AD210" s="7" t="s">
        <v>2644</v>
      </c>
    </row>
    <row r="211" spans="1:30" x14ac:dyDescent="0.25">
      <c r="A211" s="7">
        <v>208</v>
      </c>
      <c r="B211" s="8" t="s">
        <v>861</v>
      </c>
      <c r="C211" s="8" t="s">
        <v>2645</v>
      </c>
      <c r="D211" s="7" t="s">
        <v>2646</v>
      </c>
      <c r="E211" s="8" t="s">
        <v>2647</v>
      </c>
      <c r="F211" s="7">
        <v>5</v>
      </c>
      <c r="G211" s="9">
        <v>3.75</v>
      </c>
      <c r="H211" s="7">
        <v>0</v>
      </c>
      <c r="I211" s="7" t="s">
        <v>1965</v>
      </c>
      <c r="J211" s="7" t="s">
        <v>2648</v>
      </c>
      <c r="K211" s="7" t="s">
        <v>2649</v>
      </c>
      <c r="L211" s="7" t="s">
        <v>2650</v>
      </c>
      <c r="M211" s="7" t="s">
        <v>1831</v>
      </c>
      <c r="N211" s="7">
        <v>641006</v>
      </c>
      <c r="O211" s="8" t="s">
        <v>2651</v>
      </c>
      <c r="P211" s="7" t="s">
        <v>1375</v>
      </c>
      <c r="Q211" s="7" t="s">
        <v>2650</v>
      </c>
      <c r="R211" s="7" t="s">
        <v>40</v>
      </c>
      <c r="S211" s="7" t="s">
        <v>40</v>
      </c>
      <c r="T211" s="7" t="s">
        <v>1831</v>
      </c>
      <c r="U211" s="7">
        <v>641006</v>
      </c>
      <c r="V211" s="8" t="s">
        <v>2652</v>
      </c>
      <c r="W211" s="8" t="s">
        <v>43</v>
      </c>
      <c r="X211" s="8" t="s">
        <v>44</v>
      </c>
      <c r="Y211" s="7" t="s">
        <v>45</v>
      </c>
      <c r="Z211" s="8" t="s">
        <v>2653</v>
      </c>
      <c r="AA211" s="8" t="s">
        <v>40</v>
      </c>
      <c r="AB211" s="8" t="s">
        <v>47</v>
      </c>
      <c r="AC211" s="7" t="s">
        <v>2654</v>
      </c>
      <c r="AD211" s="7" t="s">
        <v>2655</v>
      </c>
    </row>
    <row r="212" spans="1:30" ht="30" x14ac:dyDescent="0.25">
      <c r="A212" s="7">
        <v>209</v>
      </c>
      <c r="B212" s="8" t="s">
        <v>210</v>
      </c>
      <c r="C212" s="8" t="s">
        <v>2656</v>
      </c>
      <c r="D212" s="7" t="s">
        <v>2657</v>
      </c>
      <c r="E212" s="8" t="s">
        <v>2658</v>
      </c>
      <c r="F212" s="7">
        <v>1</v>
      </c>
      <c r="G212" s="9">
        <v>0.75</v>
      </c>
      <c r="H212" s="7">
        <v>0</v>
      </c>
      <c r="I212" s="7" t="s">
        <v>1965</v>
      </c>
      <c r="J212" s="7" t="s">
        <v>2659</v>
      </c>
      <c r="K212" s="7" t="s">
        <v>2660</v>
      </c>
      <c r="L212" s="7" t="s">
        <v>40</v>
      </c>
      <c r="M212" s="7" t="s">
        <v>2661</v>
      </c>
      <c r="N212" s="7">
        <v>690507</v>
      </c>
      <c r="O212" s="8" t="s">
        <v>2662</v>
      </c>
      <c r="P212" s="7" t="s">
        <v>38</v>
      </c>
      <c r="Q212" s="7" t="s">
        <v>2663</v>
      </c>
      <c r="R212" s="7" t="s">
        <v>40</v>
      </c>
      <c r="S212" s="7" t="s">
        <v>40</v>
      </c>
      <c r="T212" s="7" t="s">
        <v>2664</v>
      </c>
      <c r="U212" s="7">
        <v>690572</v>
      </c>
      <c r="V212" s="8" t="s">
        <v>2665</v>
      </c>
      <c r="W212" s="8" t="s">
        <v>43</v>
      </c>
      <c r="X212" s="8" t="s">
        <v>44</v>
      </c>
      <c r="Y212" s="7" t="s">
        <v>45</v>
      </c>
      <c r="Z212" s="8" t="s">
        <v>2666</v>
      </c>
      <c r="AA212" s="8" t="s">
        <v>40</v>
      </c>
      <c r="AB212" s="8" t="s">
        <v>47</v>
      </c>
      <c r="AC212" s="7" t="s">
        <v>2667</v>
      </c>
      <c r="AD212" s="7" t="s">
        <v>2668</v>
      </c>
    </row>
    <row r="213" spans="1:30" x14ac:dyDescent="0.25">
      <c r="A213" s="7">
        <v>210</v>
      </c>
      <c r="B213" s="8" t="s">
        <v>2247</v>
      </c>
      <c r="C213" s="8" t="s">
        <v>2669</v>
      </c>
      <c r="D213" s="7" t="s">
        <v>2670</v>
      </c>
      <c r="E213" s="8" t="s">
        <v>2671</v>
      </c>
      <c r="F213" s="7">
        <v>200</v>
      </c>
      <c r="G213" s="9">
        <v>150</v>
      </c>
      <c r="H213" s="7">
        <v>0</v>
      </c>
      <c r="I213" s="7" t="s">
        <v>1965</v>
      </c>
      <c r="J213" s="7" t="s">
        <v>2672</v>
      </c>
      <c r="K213" s="7" t="s">
        <v>1891</v>
      </c>
      <c r="L213" s="7" t="s">
        <v>40</v>
      </c>
      <c r="M213" s="7" t="s">
        <v>40</v>
      </c>
      <c r="N213" s="7">
        <v>700007</v>
      </c>
      <c r="O213" s="8" t="s">
        <v>2673</v>
      </c>
      <c r="P213" s="7" t="s">
        <v>2674</v>
      </c>
      <c r="Q213" s="7" t="s">
        <v>1465</v>
      </c>
      <c r="R213" s="7" t="s">
        <v>1891</v>
      </c>
      <c r="S213" s="7" t="s">
        <v>40</v>
      </c>
      <c r="T213" s="7" t="s">
        <v>40</v>
      </c>
      <c r="U213" s="7">
        <v>700007</v>
      </c>
      <c r="V213" s="8" t="s">
        <v>2675</v>
      </c>
      <c r="W213" s="8" t="s">
        <v>43</v>
      </c>
      <c r="X213" s="8" t="s">
        <v>44</v>
      </c>
      <c r="Y213" s="7" t="s">
        <v>45</v>
      </c>
      <c r="Z213" s="8" t="s">
        <v>2676</v>
      </c>
      <c r="AA213" s="8" t="s">
        <v>40</v>
      </c>
      <c r="AB213" s="8" t="s">
        <v>47</v>
      </c>
      <c r="AC213" s="7" t="s">
        <v>40</v>
      </c>
      <c r="AD213" s="7" t="s">
        <v>2677</v>
      </c>
    </row>
    <row r="214" spans="1:30" ht="30" x14ac:dyDescent="0.25">
      <c r="A214" s="7">
        <v>211</v>
      </c>
      <c r="B214" s="8" t="s">
        <v>2678</v>
      </c>
      <c r="C214" s="8" t="s">
        <v>2679</v>
      </c>
      <c r="D214" s="7" t="s">
        <v>2680</v>
      </c>
      <c r="E214" s="8" t="s">
        <v>2681</v>
      </c>
      <c r="F214" s="7">
        <v>50</v>
      </c>
      <c r="G214" s="9">
        <v>37.5</v>
      </c>
      <c r="H214" s="7">
        <v>0</v>
      </c>
      <c r="I214" s="7" t="s">
        <v>1965</v>
      </c>
      <c r="J214" s="7" t="s">
        <v>2682</v>
      </c>
      <c r="K214" s="7" t="s">
        <v>2683</v>
      </c>
      <c r="L214" s="7" t="s">
        <v>2684</v>
      </c>
      <c r="M214" s="7" t="s">
        <v>1895</v>
      </c>
      <c r="N214" s="7">
        <v>700010</v>
      </c>
      <c r="O214" s="8" t="s">
        <v>2685</v>
      </c>
      <c r="P214" s="7" t="s">
        <v>2686</v>
      </c>
      <c r="Q214" s="7" t="s">
        <v>2687</v>
      </c>
      <c r="R214" s="7" t="s">
        <v>40</v>
      </c>
      <c r="S214" s="7" t="s">
        <v>40</v>
      </c>
      <c r="T214" s="7" t="s">
        <v>1895</v>
      </c>
      <c r="U214" s="7">
        <v>700072</v>
      </c>
      <c r="V214" s="8" t="s">
        <v>2688</v>
      </c>
      <c r="W214" s="8" t="s">
        <v>43</v>
      </c>
      <c r="X214" s="8" t="s">
        <v>44</v>
      </c>
      <c r="Y214" s="7" t="s">
        <v>45</v>
      </c>
      <c r="Z214" s="8" t="s">
        <v>2689</v>
      </c>
      <c r="AA214" s="8" t="s">
        <v>40</v>
      </c>
      <c r="AB214" s="8" t="s">
        <v>47</v>
      </c>
      <c r="AC214" s="7" t="s">
        <v>40</v>
      </c>
      <c r="AD214" s="7" t="s">
        <v>2690</v>
      </c>
    </row>
    <row r="215" spans="1:30" ht="30" x14ac:dyDescent="0.25">
      <c r="A215" s="7">
        <v>212</v>
      </c>
      <c r="B215" s="8" t="s">
        <v>1884</v>
      </c>
      <c r="C215" s="8" t="s">
        <v>2691</v>
      </c>
      <c r="D215" s="7" t="s">
        <v>2692</v>
      </c>
      <c r="E215" s="8" t="s">
        <v>2693</v>
      </c>
      <c r="F215" s="7">
        <v>50</v>
      </c>
      <c r="G215" s="9">
        <v>37.5</v>
      </c>
      <c r="H215" s="7">
        <v>0</v>
      </c>
      <c r="I215" s="7" t="s">
        <v>1965</v>
      </c>
      <c r="J215" s="7" t="s">
        <v>2694</v>
      </c>
      <c r="K215" s="7" t="s">
        <v>2695</v>
      </c>
      <c r="L215" s="7" t="s">
        <v>2696</v>
      </c>
      <c r="M215" s="7" t="s">
        <v>1891</v>
      </c>
      <c r="N215" s="7">
        <v>700072</v>
      </c>
      <c r="O215" s="8" t="s">
        <v>2697</v>
      </c>
      <c r="P215" s="7" t="s">
        <v>2698</v>
      </c>
      <c r="Q215" s="7" t="s">
        <v>2699</v>
      </c>
      <c r="R215" s="7" t="s">
        <v>40</v>
      </c>
      <c r="S215" s="7" t="s">
        <v>40</v>
      </c>
      <c r="T215" s="7" t="s">
        <v>1891</v>
      </c>
      <c r="U215" s="7">
        <v>700072</v>
      </c>
      <c r="V215" s="8" t="s">
        <v>2700</v>
      </c>
      <c r="W215" s="8" t="s">
        <v>43</v>
      </c>
      <c r="X215" s="8" t="s">
        <v>44</v>
      </c>
      <c r="Y215" s="7" t="s">
        <v>45</v>
      </c>
      <c r="Z215" s="8" t="s">
        <v>2701</v>
      </c>
      <c r="AA215" s="8" t="s">
        <v>40</v>
      </c>
      <c r="AB215" s="8" t="s">
        <v>47</v>
      </c>
      <c r="AC215" s="7" t="s">
        <v>40</v>
      </c>
      <c r="AD215" s="7" t="s">
        <v>2702</v>
      </c>
    </row>
    <row r="216" spans="1:30" ht="45" x14ac:dyDescent="0.25">
      <c r="A216" s="7">
        <v>213</v>
      </c>
      <c r="B216" s="8" t="s">
        <v>2703</v>
      </c>
      <c r="C216" s="8" t="s">
        <v>2704</v>
      </c>
      <c r="D216" s="7" t="s">
        <v>2705</v>
      </c>
      <c r="E216" s="8" t="s">
        <v>2706</v>
      </c>
      <c r="F216" s="7">
        <v>1</v>
      </c>
      <c r="G216" s="9">
        <v>0.75</v>
      </c>
      <c r="H216" s="7">
        <v>0</v>
      </c>
      <c r="I216" s="7" t="s">
        <v>1965</v>
      </c>
      <c r="J216" s="7" t="s">
        <v>2707</v>
      </c>
      <c r="K216" s="7" t="s">
        <v>2708</v>
      </c>
      <c r="L216" s="7" t="s">
        <v>2709</v>
      </c>
      <c r="M216" s="7" t="s">
        <v>2710</v>
      </c>
      <c r="N216" s="7">
        <v>700141</v>
      </c>
      <c r="O216" s="8" t="s">
        <v>2711</v>
      </c>
      <c r="P216" s="7" t="s">
        <v>38</v>
      </c>
      <c r="Q216" s="7" t="s">
        <v>2712</v>
      </c>
      <c r="R216" s="7" t="s">
        <v>1895</v>
      </c>
      <c r="S216" s="7" t="s">
        <v>1895</v>
      </c>
      <c r="T216" s="7" t="s">
        <v>2713</v>
      </c>
      <c r="U216" s="7">
        <v>700020</v>
      </c>
      <c r="V216" s="8" t="s">
        <v>2714</v>
      </c>
      <c r="W216" s="8" t="s">
        <v>43</v>
      </c>
      <c r="X216" s="8" t="s">
        <v>44</v>
      </c>
      <c r="Y216" s="7" t="s">
        <v>45</v>
      </c>
      <c r="Z216" s="8" t="s">
        <v>40</v>
      </c>
      <c r="AA216" s="8" t="s">
        <v>40</v>
      </c>
      <c r="AB216" s="8" t="s">
        <v>47</v>
      </c>
      <c r="AC216" s="7" t="s">
        <v>2715</v>
      </c>
      <c r="AD216" s="7" t="s">
        <v>2716</v>
      </c>
    </row>
    <row r="217" spans="1:30" ht="30" x14ac:dyDescent="0.25">
      <c r="A217" s="7">
        <v>214</v>
      </c>
      <c r="B217" s="8" t="s">
        <v>107</v>
      </c>
      <c r="C217" s="8" t="s">
        <v>2717</v>
      </c>
      <c r="D217" s="7" t="s">
        <v>2718</v>
      </c>
      <c r="E217" s="8" t="s">
        <v>2719</v>
      </c>
      <c r="F217" s="7">
        <v>20</v>
      </c>
      <c r="G217" s="9">
        <v>15</v>
      </c>
      <c r="H217" s="7">
        <v>0</v>
      </c>
      <c r="I217" s="7" t="s">
        <v>1965</v>
      </c>
      <c r="J217" s="7" t="s">
        <v>2720</v>
      </c>
      <c r="K217" s="7" t="s">
        <v>2721</v>
      </c>
      <c r="L217" s="7" t="s">
        <v>40</v>
      </c>
      <c r="M217" s="7" t="s">
        <v>2722</v>
      </c>
      <c r="N217" s="7">
        <v>711101</v>
      </c>
      <c r="O217" s="8" t="s">
        <v>2723</v>
      </c>
      <c r="P217" s="7" t="s">
        <v>1893</v>
      </c>
      <c r="Q217" s="7" t="s">
        <v>2724</v>
      </c>
      <c r="R217" s="7" t="s">
        <v>2725</v>
      </c>
      <c r="S217" s="7" t="s">
        <v>2726</v>
      </c>
      <c r="T217" s="7" t="s">
        <v>2727</v>
      </c>
      <c r="U217" s="7">
        <v>711101</v>
      </c>
      <c r="V217" s="8" t="s">
        <v>2728</v>
      </c>
      <c r="W217" s="8" t="s">
        <v>43</v>
      </c>
      <c r="X217" s="8" t="s">
        <v>44</v>
      </c>
      <c r="Y217" s="7" t="s">
        <v>45</v>
      </c>
      <c r="Z217" s="8" t="s">
        <v>2729</v>
      </c>
      <c r="AA217" s="8" t="s">
        <v>40</v>
      </c>
      <c r="AB217" s="8" t="s">
        <v>47</v>
      </c>
      <c r="AC217" s="7" t="s">
        <v>2730</v>
      </c>
      <c r="AD217" s="7" t="s">
        <v>2731</v>
      </c>
    </row>
    <row r="218" spans="1:30" ht="30" x14ac:dyDescent="0.25">
      <c r="A218" s="7">
        <v>215</v>
      </c>
      <c r="B218" s="8" t="s">
        <v>276</v>
      </c>
      <c r="C218" s="8" t="s">
        <v>2732</v>
      </c>
      <c r="D218" s="7" t="s">
        <v>2733</v>
      </c>
      <c r="E218" s="8" t="s">
        <v>2734</v>
      </c>
      <c r="F218" s="7">
        <v>33</v>
      </c>
      <c r="G218" s="9">
        <v>24.75</v>
      </c>
      <c r="H218" s="7">
        <v>0</v>
      </c>
      <c r="I218" s="7" t="s">
        <v>1965</v>
      </c>
      <c r="J218" s="7" t="s">
        <v>2735</v>
      </c>
      <c r="K218" s="7" t="s">
        <v>2736</v>
      </c>
      <c r="L218" s="7" t="s">
        <v>2737</v>
      </c>
      <c r="M218" s="7" t="s">
        <v>2738</v>
      </c>
      <c r="N218" s="7">
        <v>713212</v>
      </c>
      <c r="O218" s="8" t="s">
        <v>2739</v>
      </c>
      <c r="P218" s="7" t="s">
        <v>546</v>
      </c>
      <c r="Q218" s="7" t="s">
        <v>2740</v>
      </c>
      <c r="R218" s="7" t="s">
        <v>2741</v>
      </c>
      <c r="S218" s="7" t="s">
        <v>2742</v>
      </c>
      <c r="T218" s="7" t="s">
        <v>971</v>
      </c>
      <c r="U218" s="7">
        <v>713216</v>
      </c>
      <c r="V218" s="8" t="s">
        <v>2743</v>
      </c>
      <c r="W218" s="8" t="s">
        <v>43</v>
      </c>
      <c r="X218" s="8" t="s">
        <v>44</v>
      </c>
      <c r="Y218" s="7" t="s">
        <v>45</v>
      </c>
      <c r="Z218" s="8" t="s">
        <v>2744</v>
      </c>
      <c r="AA218" s="8" t="s">
        <v>40</v>
      </c>
      <c r="AB218" s="8" t="s">
        <v>47</v>
      </c>
      <c r="AC218" s="7" t="s">
        <v>2745</v>
      </c>
      <c r="AD218" s="7" t="s">
        <v>2746</v>
      </c>
    </row>
    <row r="219" spans="1:30" ht="30" x14ac:dyDescent="0.25">
      <c r="A219" s="7">
        <v>216</v>
      </c>
      <c r="B219" s="8" t="s">
        <v>1097</v>
      </c>
      <c r="C219" s="8" t="s">
        <v>2747</v>
      </c>
      <c r="D219" s="7" t="s">
        <v>2748</v>
      </c>
      <c r="E219" s="8" t="s">
        <v>2749</v>
      </c>
      <c r="F219" s="7">
        <v>1</v>
      </c>
      <c r="G219" s="9">
        <v>0.75</v>
      </c>
      <c r="H219" s="7">
        <v>0</v>
      </c>
      <c r="I219" s="7" t="s">
        <v>1965</v>
      </c>
      <c r="J219" s="7" t="s">
        <v>2750</v>
      </c>
      <c r="K219" s="7" t="s">
        <v>2751</v>
      </c>
      <c r="L219" s="7" t="s">
        <v>40</v>
      </c>
      <c r="M219" s="7" t="s">
        <v>2752</v>
      </c>
      <c r="N219" s="7">
        <v>769008</v>
      </c>
      <c r="O219" s="8" t="s">
        <v>2753</v>
      </c>
      <c r="P219" s="7" t="s">
        <v>38</v>
      </c>
      <c r="Q219" s="7" t="s">
        <v>2754</v>
      </c>
      <c r="R219" s="7" t="s">
        <v>2755</v>
      </c>
      <c r="S219" s="7" t="s">
        <v>40</v>
      </c>
      <c r="T219" s="7" t="s">
        <v>2756</v>
      </c>
      <c r="U219" s="7">
        <v>769008</v>
      </c>
      <c r="V219" s="8" t="s">
        <v>2757</v>
      </c>
      <c r="W219" s="8" t="s">
        <v>43</v>
      </c>
      <c r="X219" s="8" t="s">
        <v>44</v>
      </c>
      <c r="Y219" s="7" t="s">
        <v>45</v>
      </c>
      <c r="Z219" s="8" t="s">
        <v>2758</v>
      </c>
      <c r="AA219" s="8" t="s">
        <v>40</v>
      </c>
      <c r="AB219" s="8" t="s">
        <v>47</v>
      </c>
      <c r="AC219" s="7" t="s">
        <v>2759</v>
      </c>
      <c r="AD219" s="7" t="s">
        <v>2760</v>
      </c>
    </row>
    <row r="220" spans="1:30" ht="30" x14ac:dyDescent="0.25">
      <c r="A220" s="7">
        <v>217</v>
      </c>
      <c r="B220" s="8" t="s">
        <v>396</v>
      </c>
      <c r="C220" s="8" t="s">
        <v>2761</v>
      </c>
      <c r="D220" s="7" t="s">
        <v>2762</v>
      </c>
      <c r="E220" s="8" t="s">
        <v>2763</v>
      </c>
      <c r="F220" s="7">
        <v>10</v>
      </c>
      <c r="G220" s="9">
        <v>7.5</v>
      </c>
      <c r="H220" s="7">
        <v>0</v>
      </c>
      <c r="I220" s="7" t="s">
        <v>1965</v>
      </c>
      <c r="J220" s="7" t="s">
        <v>2764</v>
      </c>
      <c r="K220" s="7" t="s">
        <v>2765</v>
      </c>
      <c r="L220" s="7" t="s">
        <v>1955</v>
      </c>
      <c r="M220" s="7" t="s">
        <v>2766</v>
      </c>
      <c r="N220" s="7">
        <v>800023</v>
      </c>
      <c r="O220" s="8" t="s">
        <v>2767</v>
      </c>
      <c r="P220" s="7" t="s">
        <v>755</v>
      </c>
      <c r="Q220" s="7" t="s">
        <v>2768</v>
      </c>
      <c r="R220" s="7" t="s">
        <v>2769</v>
      </c>
      <c r="S220" s="7" t="s">
        <v>40</v>
      </c>
      <c r="T220" s="7" t="s">
        <v>1955</v>
      </c>
      <c r="U220" s="7">
        <v>800001</v>
      </c>
      <c r="V220" s="8" t="s">
        <v>2770</v>
      </c>
      <c r="W220" s="8" t="s">
        <v>43</v>
      </c>
      <c r="X220" s="8" t="s">
        <v>44</v>
      </c>
      <c r="Y220" s="7" t="s">
        <v>45</v>
      </c>
      <c r="Z220" s="8" t="s">
        <v>2771</v>
      </c>
      <c r="AA220" s="8" t="s">
        <v>40</v>
      </c>
      <c r="AB220" s="8" t="s">
        <v>47</v>
      </c>
      <c r="AC220" s="7" t="s">
        <v>2772</v>
      </c>
      <c r="AD220" s="7" t="s">
        <v>2773</v>
      </c>
    </row>
    <row r="221" spans="1:30" ht="30" x14ac:dyDescent="0.25">
      <c r="A221" s="7">
        <v>218</v>
      </c>
      <c r="B221" s="8" t="s">
        <v>1097</v>
      </c>
      <c r="C221" s="8" t="s">
        <v>2774</v>
      </c>
      <c r="D221" s="7" t="s">
        <v>2775</v>
      </c>
      <c r="E221" s="8" t="s">
        <v>2776</v>
      </c>
      <c r="F221" s="7">
        <v>52</v>
      </c>
      <c r="G221" s="9">
        <v>39</v>
      </c>
      <c r="H221" s="7">
        <v>0</v>
      </c>
      <c r="I221" s="7" t="s">
        <v>1965</v>
      </c>
      <c r="J221" s="7" t="s">
        <v>2777</v>
      </c>
      <c r="K221" s="7" t="s">
        <v>2778</v>
      </c>
      <c r="L221" s="7" t="s">
        <v>40</v>
      </c>
      <c r="M221" s="7" t="s">
        <v>2779</v>
      </c>
      <c r="N221" s="7">
        <v>821638</v>
      </c>
      <c r="O221" s="8" t="s">
        <v>2780</v>
      </c>
      <c r="P221" s="7" t="s">
        <v>444</v>
      </c>
      <c r="Q221" s="7" t="s">
        <v>2781</v>
      </c>
      <c r="R221" s="7" t="s">
        <v>2782</v>
      </c>
      <c r="S221" s="7" t="s">
        <v>2783</v>
      </c>
      <c r="T221" s="7" t="s">
        <v>1675</v>
      </c>
      <c r="U221" s="7">
        <v>452001</v>
      </c>
      <c r="V221" s="8" t="s">
        <v>2784</v>
      </c>
      <c r="W221" s="8" t="s">
        <v>43</v>
      </c>
      <c r="X221" s="8" t="s">
        <v>44</v>
      </c>
      <c r="Y221" s="7" t="s">
        <v>45</v>
      </c>
      <c r="Z221" s="8" t="s">
        <v>2785</v>
      </c>
      <c r="AA221" s="8" t="s">
        <v>40</v>
      </c>
      <c r="AB221" s="8" t="s">
        <v>47</v>
      </c>
      <c r="AC221" s="7" t="s">
        <v>2786</v>
      </c>
      <c r="AD221" s="7" t="s">
        <v>2787</v>
      </c>
    </row>
    <row r="222" spans="1:30" ht="30" x14ac:dyDescent="0.25">
      <c r="A222" s="7">
        <v>219</v>
      </c>
      <c r="B222" s="8" t="s">
        <v>396</v>
      </c>
      <c r="C222" s="8" t="s">
        <v>2788</v>
      </c>
      <c r="D222" s="7" t="s">
        <v>2789</v>
      </c>
      <c r="E222" s="8" t="s">
        <v>2790</v>
      </c>
      <c r="F222" s="7">
        <v>300</v>
      </c>
      <c r="G222" s="9">
        <v>225</v>
      </c>
      <c r="H222" s="7">
        <v>0</v>
      </c>
      <c r="I222" s="7" t="s">
        <v>1965</v>
      </c>
      <c r="J222" s="7" t="s">
        <v>2791</v>
      </c>
      <c r="K222" s="7" t="s">
        <v>2792</v>
      </c>
      <c r="L222" s="7" t="s">
        <v>2793</v>
      </c>
      <c r="M222" s="7" t="s">
        <v>2794</v>
      </c>
      <c r="N222" s="7">
        <v>834001</v>
      </c>
      <c r="O222" s="8" t="s">
        <v>2795</v>
      </c>
      <c r="P222" s="7" t="s">
        <v>508</v>
      </c>
      <c r="Q222" s="7" t="s">
        <v>2796</v>
      </c>
      <c r="R222" s="7" t="s">
        <v>40</v>
      </c>
      <c r="S222" s="7" t="s">
        <v>40</v>
      </c>
      <c r="T222" s="7" t="s">
        <v>2797</v>
      </c>
      <c r="U222" s="7" t="s">
        <v>40</v>
      </c>
      <c r="V222" s="8" t="s">
        <v>2798</v>
      </c>
      <c r="W222" s="8" t="s">
        <v>43</v>
      </c>
      <c r="X222" s="8" t="s">
        <v>44</v>
      </c>
      <c r="Y222" s="7" t="s">
        <v>45</v>
      </c>
      <c r="Z222" s="8" t="s">
        <v>40</v>
      </c>
      <c r="AA222" s="8" t="s">
        <v>40</v>
      </c>
      <c r="AB222" s="8" t="s">
        <v>47</v>
      </c>
      <c r="AC222" s="7" t="s">
        <v>2799</v>
      </c>
      <c r="AD222" s="7" t="s">
        <v>2800</v>
      </c>
    </row>
    <row r="223" spans="1:30" s="12" customFormat="1" x14ac:dyDescent="0.25">
      <c r="A223" s="15" t="s">
        <v>2801</v>
      </c>
      <c r="B223" s="16"/>
      <c r="C223" s="17"/>
      <c r="D223" s="11"/>
      <c r="E223" s="11"/>
      <c r="F223" s="13">
        <f>SUM(F4:F222)</f>
        <v>10009</v>
      </c>
      <c r="G223" s="14">
        <f>SUM(G4:G222)</f>
        <v>7506.75</v>
      </c>
      <c r="H223" s="11"/>
      <c r="I223" s="11"/>
      <c r="J223" s="11"/>
      <c r="K223" s="11"/>
      <c r="L223" s="11"/>
      <c r="M223" s="11"/>
      <c r="N223" s="11"/>
      <c r="O223" s="11"/>
      <c r="P223" s="11"/>
      <c r="Q223" s="11"/>
      <c r="R223" s="11"/>
      <c r="S223" s="11"/>
      <c r="T223" s="11"/>
      <c r="U223" s="11"/>
      <c r="V223" s="11"/>
      <c r="W223" s="11"/>
      <c r="X223" s="11"/>
      <c r="Y223" s="11"/>
      <c r="Z223" s="11"/>
      <c r="AA223" s="11"/>
      <c r="AB223" s="11"/>
      <c r="AC223" s="11"/>
      <c r="AD223" s="11"/>
    </row>
  </sheetData>
  <mergeCells count="3">
    <mergeCell ref="A1:AD1"/>
    <mergeCell ref="A2:AD2"/>
    <mergeCell ref="A223:C223"/>
  </mergeCells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1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attabhi.nunna</dc:creator>
  <cp:lastModifiedBy>Mukti Pandya</cp:lastModifiedBy>
  <dcterms:created xsi:type="dcterms:W3CDTF">2019-12-09T11:03:02Z</dcterms:created>
  <dcterms:modified xsi:type="dcterms:W3CDTF">2019-12-10T05:11:23Z</dcterms:modified>
</cp:coreProperties>
</file>